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-15" yWindow="-15" windowWidth="15780" windowHeight="10980" tabRatio="770" firstSheet="10" activeTab="14"/>
  </bookViews>
  <sheets>
    <sheet name="表紙" sheetId="87" r:id="rId1"/>
    <sheet name="工事内訳A,AM,AE" sheetId="57" r:id="rId2"/>
    <sheet name="A工事内訳 (2)" sheetId="58" r:id="rId3"/>
    <sheet name="A種目" sheetId="59" r:id="rId4"/>
    <sheet name="A科目" sheetId="60" r:id="rId5"/>
    <sheet name="A中科目1" sheetId="61" r:id="rId6"/>
    <sheet name="A細目別内訳" sheetId="62" r:id="rId7"/>
    <sheet name="A細目別内訳 (2)" sheetId="67" r:id="rId8"/>
    <sheet name="AM工事内訳" sheetId="73" r:id="rId9"/>
    <sheet name="AM工事内訳 (2)" sheetId="74" r:id="rId10"/>
    <sheet name="AM種目" sheetId="75" r:id="rId11"/>
    <sheet name="AM科目" sheetId="76" r:id="rId12"/>
    <sheet name="AM中科目1" sheetId="77" r:id="rId13"/>
    <sheet name="AM細目別内訳" sheetId="78" r:id="rId14"/>
    <sheet name="AE工事内訳" sheetId="80" r:id="rId15"/>
    <sheet name="AE工事内訳 (2)" sheetId="81" r:id="rId16"/>
    <sheet name="AE種目" sheetId="82" r:id="rId17"/>
    <sheet name="AE科目" sheetId="83" r:id="rId18"/>
    <sheet name="AE中科目1" sheetId="84" r:id="rId19"/>
    <sheet name="AE細目別内訳" sheetId="85" r:id="rId20"/>
    <sheet name="AE別紙明細" sheetId="86" r:id="rId21"/>
  </sheets>
  <externalReferences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</externalReferences>
  <definedNames>
    <definedName name="_">#REF!</definedName>
    <definedName name="__123Graph_A外装" hidden="1">[1]仮設躯体!#REF!</definedName>
    <definedName name="__123Graph_A躯体" hidden="1">[1]仮設躯体!#REF!</definedName>
    <definedName name="__123Graph_A建築" hidden="1">[1]仮設躯体!#REF!</definedName>
    <definedName name="__123Graph_A室内" hidden="1">[1]仮設躯体!#REF!</definedName>
    <definedName name="__123Graph_A土工" hidden="1">[1]仮設躯体!#REF!</definedName>
    <definedName name="__123Graph_A内装" hidden="1">[1]仮設躯体!#REF!</definedName>
    <definedName name="__123Graph_X外装" hidden="1">[1]仮設躯体!#REF!</definedName>
    <definedName name="__123Graph_X躯体" hidden="1">[1]仮設躯体!#REF!</definedName>
    <definedName name="__123Graph_X建築" hidden="1">[1]仮設躯体!#REF!</definedName>
    <definedName name="__123Graph_X室内" hidden="1">[1]仮設躯体!#REF!</definedName>
    <definedName name="__123Graph_X土工" hidden="1">[1]仮設躯体!#REF!</definedName>
    <definedName name="__123Graph_X内装" hidden="1">[1]仮設躯体!#REF!</definedName>
    <definedName name="_1">#REF!</definedName>
    <definedName name="_1000">#REF!</definedName>
    <definedName name="_1010">[2]見積01!#REF!</definedName>
    <definedName name="_1020">[2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[2]見積01!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3]Sheet2!#REF!</definedName>
    <definedName name="_123Graph" hidden="1">[3]Sheet2!#REF!</definedName>
    <definedName name="_13">[2]見積01!#REF!</definedName>
    <definedName name="_14">[2]見積01!#REF!</definedName>
    <definedName name="_15">[2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2">[2]見積01!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Print_Area_02">#REF!</definedName>
    <definedName name="_2ページまで">#REF!</definedName>
    <definedName name="_33">#REF!</definedName>
    <definedName name="_3Print_Area_03">#REF!</definedName>
    <definedName name="_3ページまで">#REF!</definedName>
    <definedName name="_3行挿入">#REF!</definedName>
    <definedName name="_44">#REF!</definedName>
    <definedName name="_4ページまで">#REF!</definedName>
    <definedName name="_50">#REF!</definedName>
    <definedName name="_55">#REF!</definedName>
    <definedName name="_5ページまで">#REF!</definedName>
    <definedName name="_66">#REF!</definedName>
    <definedName name="_6ページまで">#REF!</definedName>
    <definedName name="_7ページまで">#REF!</definedName>
    <definedName name="_850">#REF!</definedName>
    <definedName name="_88">#REF!</definedName>
    <definedName name="_99">#REF!</definedName>
    <definedName name="_BOX01">#REF!</definedName>
    <definedName name="_BOX02">#REF!</definedName>
    <definedName name="_BOX03">#REF!</definedName>
    <definedName name="_BUN2">[4]歩・屋!$E$5:$T$16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4]内・屋外!#REF!</definedName>
    <definedName name="_Key2" hidden="1">[4]内・屋外!#REF!</definedName>
    <definedName name="_Order1" hidden="1">255</definedName>
    <definedName name="_Order2" hidden="1">255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4]内・屋外!#REF!</definedName>
    <definedName name="_SUB2">#REF!</definedName>
    <definedName name="_SUB3">#REF!</definedName>
    <definedName name="_SUB4">#REF!</definedName>
    <definedName name="_tan1">#REF!</definedName>
    <definedName name="_tan2">#REF!</definedName>
    <definedName name="_tan3">#REF!</definedName>
    <definedName name="\0">#REF!</definedName>
    <definedName name="\1">#REF!</definedName>
    <definedName name="￥1250">#REF!</definedName>
    <definedName name="￥1900">#REF!</definedName>
    <definedName name="\A">[5]機器据付!#REF!</definedName>
    <definedName name="\A1">#REF!</definedName>
    <definedName name="\AAA">#REF!</definedName>
    <definedName name="\B">[5]機器据付!#REF!</definedName>
    <definedName name="\B1">#REF!</definedName>
    <definedName name="\C">#REF!</definedName>
    <definedName name="\C1">#REF!</definedName>
    <definedName name="\d">[6]表紙!#REF!</definedName>
    <definedName name="\D1">#REF!</definedName>
    <definedName name="\e">[6]表紙!#REF!</definedName>
    <definedName name="\E1">#REF!</definedName>
    <definedName name="\f">[6]表紙!#REF!</definedName>
    <definedName name="\F1">#REF!</definedName>
    <definedName name="\g">[6]表紙!#REF!</definedName>
    <definedName name="\G1">#REF!</definedName>
    <definedName name="\GOTO">#REF!</definedName>
    <definedName name="\h">[6]表紙!#REF!</definedName>
    <definedName name="\H1">#REF!</definedName>
    <definedName name="\i">[6]表紙!#REF!</definedName>
    <definedName name="\I1">#REF!</definedName>
    <definedName name="\j">[6]表紙!#REF!</definedName>
    <definedName name="\J1">#REF!</definedName>
    <definedName name="\k">[6]表紙!#REF!</definedName>
    <definedName name="\K1">#REF!</definedName>
    <definedName name="\l">[6]表紙!#REF!</definedName>
    <definedName name="\L1">#REF!</definedName>
    <definedName name="\m">[6]表紙!#REF!</definedName>
    <definedName name="\M1">#REF!</definedName>
    <definedName name="\n">[6]表紙!#REF!</definedName>
    <definedName name="\N1">#REF!</definedName>
    <definedName name="\o">[6]表紙!#REF!</definedName>
    <definedName name="\O1">#REF!</definedName>
    <definedName name="\p">#REF!</definedName>
    <definedName name="\P1">[5]労務集計!$N$6</definedName>
    <definedName name="\q">[6]表紙!#REF!</definedName>
    <definedName name="\r">[6]表紙!#REF!</definedName>
    <definedName name="\s">[6]表紙!#REF!</definedName>
    <definedName name="\t">[6]表紙!#REF!</definedName>
    <definedName name="\u">[6]表紙!#REF!</definedName>
    <definedName name="\v">[6]表紙!#REF!</definedName>
    <definedName name="\w">[6]表紙!#REF!</definedName>
    <definedName name="\x">[6]表紙!#REF!</definedName>
    <definedName name="\y">[6]表紙!#REF!</definedName>
    <definedName name="\z">[6]表紙!#REF!</definedName>
    <definedName name="￥あ">[7]土工!$D$2</definedName>
    <definedName name="\一覧表">#REF!</definedName>
    <definedName name="\印刷設定">#REF!</definedName>
    <definedName name="\印刷設定一">#REF!</definedName>
    <definedName name="A">#REF!</definedName>
    <definedName name="AA">#REF!</definedName>
    <definedName name="AAA">#REF!</definedName>
    <definedName name="AAAA">#REF!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zen">[8]!Anzen</definedName>
    <definedName name="AnzenHyouji">[8]!AnzenHyouji</definedName>
    <definedName name="AS">#REF!</definedName>
    <definedName name="ASDVIUI">#REF!</definedName>
    <definedName name="AUTOEXEC">#REF!</definedName>
    <definedName name="B">#REF!</definedName>
    <definedName name="B4OUT">#REF!</definedName>
    <definedName name="B5OUT">#REF!</definedName>
    <definedName name="BANGOU">#REF!</definedName>
    <definedName name="BG">#REF!</definedName>
    <definedName name="BUN">[4]歩・屋!$E$5:$T$16</definedName>
    <definedName name="B種">#REF!</definedName>
    <definedName name="Ｂ代価">#REF!</definedName>
    <definedName name="C0">#REF!</definedName>
    <definedName name="CC">#REF!</definedName>
    <definedName name="COUNTER">[9]表紙!#REF!</definedName>
    <definedName name="_xlnm.Criteria">#REF!</definedName>
    <definedName name="Criteria_MI">#REF!</definedName>
    <definedName name="CV3C2">[10]ｹｰﾌﾞﾙ計!#REF!</definedName>
    <definedName name="cv3c2_">[11]ｹｰﾌﾞﾙ労務!#REF!</definedName>
    <definedName name="CVVS2C2">[10]ｹｰﾌﾞﾙ計!#REF!</definedName>
    <definedName name="ｃｚ">#REF!</definedName>
    <definedName name="Ｃ既存校舎">[12]内訳書!#REF!</definedName>
    <definedName name="C種">#REF!</definedName>
    <definedName name="Ｃ代価">#REF!</definedName>
    <definedName name="Ｃ代価表一覧表">#REF!</definedName>
    <definedName name="D">#REF!</definedName>
    <definedName name="data">[13]一位代価!$A:$IV</definedName>
    <definedName name="_xlnm.Database">#REF!</definedName>
    <definedName name="Database_MI">#REF!</definedName>
    <definedName name="DD">#REF!</definedName>
    <definedName name="DK">17902</definedName>
    <definedName name="DKT">19100</definedName>
    <definedName name="ＤＳ">#REF!</definedName>
    <definedName name="Dグランド照明">[12]内訳書!#REF!</definedName>
    <definedName name="E">#REF!</definedName>
    <definedName name="EC">#REF!</definedName>
    <definedName name="ED">#REF!</definedName>
    <definedName name="EF">#REF!</definedName>
    <definedName name="EG">#REF!</definedName>
    <definedName name="Eizen">[8]!Eizen</definedName>
    <definedName name="EizenHyouji">[8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FL">[4]歩・屋!$D$4:$D$43</definedName>
    <definedName name="FNA">#REF!</definedName>
    <definedName name="FOR総括表">#REF!</definedName>
    <definedName name="FS">14522</definedName>
    <definedName name="G">#REF!</definedName>
    <definedName name="G_A0001" hidden="1">#REF!</definedName>
    <definedName name="G_A0002" hidden="1">#REF!</definedName>
    <definedName name="G_A0003" hidden="1">#REF!</definedName>
    <definedName name="G_A0004" hidden="1">#REF!</definedName>
    <definedName name="G_A0005" hidden="1">#REF!</definedName>
    <definedName name="G_A0006" hidden="1">#REF!</definedName>
    <definedName name="G_A0008" hidden="1">#REF!</definedName>
    <definedName name="G_A0009" hidden="1">#REF!</definedName>
    <definedName name="G_B0001" hidden="1">#REF!</definedName>
    <definedName name="G_B0002" hidden="1">#REF!</definedName>
    <definedName name="G_B0003" hidden="1">#REF!</definedName>
    <definedName name="G_B0004" hidden="1">#REF!</definedName>
    <definedName name="G_B0005" hidden="1">#REF!</definedName>
    <definedName name="G_B0006" hidden="1">#REF!</definedName>
    <definedName name="G_B0007" hidden="1">#REF!</definedName>
    <definedName name="G_B0008" hidden="1">#REF!</definedName>
    <definedName name="G_B0009" hidden="1">#REF!</definedName>
    <definedName name="G_B0010" hidden="1">#REF!</definedName>
    <definedName name="G_B0011" hidden="1">#REF!</definedName>
    <definedName name="G_B0012" hidden="1">#REF!</definedName>
    <definedName name="G_B0015" hidden="1">#REF!</definedName>
    <definedName name="G_B0016" hidden="1">#REF!</definedName>
    <definedName name="G_B0017" hidden="1">#REF!</definedName>
    <definedName name="G_B0018" hidden="1">#REF!</definedName>
    <definedName name="G_B0019" hidden="1">#REF!</definedName>
    <definedName name="G_B0020" hidden="1">#REF!</definedName>
    <definedName name="G_B0021" hidden="1">#REF!</definedName>
    <definedName name="G_B0022" hidden="1">#REF!</definedName>
    <definedName name="G_B0023" hidden="1">#REF!</definedName>
    <definedName name="G_B0024" hidden="1">#REF!</definedName>
    <definedName name="G_B0025" hidden="1">#REF!</definedName>
    <definedName name="G_B0026" hidden="1">#REF!</definedName>
    <definedName name="G_D0001" hidden="1">#REF!</definedName>
    <definedName name="G_D0002" hidden="1">#REF!</definedName>
    <definedName name="G_D0003" hidden="1">#REF!</definedName>
    <definedName name="G_D0004" hidden="1">#REF!</definedName>
    <definedName name="G_D0005" hidden="1">#REF!</definedName>
    <definedName name="G_D0006" hidden="1">#REF!</definedName>
    <definedName name="G_D0007" hidden="1">#REF!</definedName>
    <definedName name="G_D0008" hidden="1">#REF!</definedName>
    <definedName name="G_D0009" hidden="1">#REF!</definedName>
    <definedName name="G_D0010" hidden="1">#REF!</definedName>
    <definedName name="G_D0011" hidden="1">#REF!</definedName>
    <definedName name="G_D0012" hidden="1">#REF!</definedName>
    <definedName name="G_D0013" hidden="1">#REF!</definedName>
    <definedName name="G_D0014" hidden="1">#REF!</definedName>
    <definedName name="G_D0015" hidden="1">#REF!</definedName>
    <definedName name="G_D0016" hidden="1">#REF!</definedName>
    <definedName name="G_D0017" hidden="1">#REF!</definedName>
    <definedName name="G_D0018" hidden="1">#REF!</definedName>
    <definedName name="G_D0019" hidden="1">#REF!</definedName>
    <definedName name="G_D0020" hidden="1">#REF!</definedName>
    <definedName name="G_D0021" hidden="1">#REF!</definedName>
    <definedName name="G_D0022" hidden="1">#REF!</definedName>
    <definedName name="G_D0023" hidden="1">#REF!</definedName>
    <definedName name="G_D0024" hidden="1">#REF!</definedName>
    <definedName name="G_D0025" hidden="1">#REF!</definedName>
    <definedName name="G_D0026" hidden="1">#REF!</definedName>
    <definedName name="G_D0027" hidden="1">#REF!</definedName>
    <definedName name="G_D0028" hidden="1">#REF!</definedName>
    <definedName name="G_D0029" hidden="1">#REF!</definedName>
    <definedName name="G_D0031" hidden="1">#REF!</definedName>
    <definedName name="G_D0033" hidden="1">#REF!</definedName>
    <definedName name="G_D0034" hidden="1">#REF!</definedName>
    <definedName name="G_D0035" hidden="1">#REF!</definedName>
    <definedName name="G_D0036" hidden="1">#REF!</definedName>
    <definedName name="G_D0038" hidden="1">#REF!</definedName>
    <definedName name="G_D0039" hidden="1">#REF!</definedName>
    <definedName name="G_D0040" hidden="1">#REF!</definedName>
    <definedName name="G_D0041" hidden="1">#REF!</definedName>
    <definedName name="G_D0042" hidden="1">#REF!</definedName>
    <definedName name="G_D0043" hidden="1">#REF!</definedName>
    <definedName name="G_D0044" hidden="1">#REF!</definedName>
    <definedName name="G_D0045" hidden="1">#REF!</definedName>
    <definedName name="G_D0046" hidden="1">#REF!</definedName>
    <definedName name="G_D0047" hidden="1">#REF!</definedName>
    <definedName name="G_D0048" hidden="1">#REF!</definedName>
    <definedName name="G_D0049" hidden="1">#REF!</definedName>
    <definedName name="G_D0050" hidden="1">#REF!</definedName>
    <definedName name="G_D0051" hidden="1">#REF!</definedName>
    <definedName name="G_D0052" hidden="1">#REF!</definedName>
    <definedName name="G_D0053" hidden="1">#REF!</definedName>
    <definedName name="G_D0054" hidden="1">#REF!</definedName>
    <definedName name="G_D0055" hidden="1">#REF!</definedName>
    <definedName name="G_D0056" hidden="1">#REF!</definedName>
    <definedName name="G_D0057" hidden="1">#REF!</definedName>
    <definedName name="G_D0058" hidden="1">#REF!</definedName>
    <definedName name="G_D0059" hidden="1">#REF!</definedName>
    <definedName name="G_D0060" hidden="1">#REF!</definedName>
    <definedName name="G_D0061" hidden="1">#REF!</definedName>
    <definedName name="G_D0062" hidden="1">#REF!</definedName>
    <definedName name="G_D0063" hidden="1">#REF!</definedName>
    <definedName name="G_D0076" hidden="1">#REF!</definedName>
    <definedName name="G_D0077" hidden="1">#REF!</definedName>
    <definedName name="G_D0078" hidden="1">#REF!</definedName>
    <definedName name="G_D0079" hidden="1">#REF!</definedName>
    <definedName name="G_D0081" hidden="1">#REF!</definedName>
    <definedName name="G_D0083" hidden="1">#REF!</definedName>
    <definedName name="G_D0084" hidden="1">#REF!</definedName>
    <definedName name="G_D0085" hidden="1">#REF!</definedName>
    <definedName name="G_D0086" hidden="1">#REF!</definedName>
    <definedName name="G_D0087" hidden="1">#REF!</definedName>
    <definedName name="G_D0088" hidden="1">#REF!</definedName>
    <definedName name="G_D0089" hidden="1">#REF!</definedName>
    <definedName name="G_D0090" hidden="1">#REF!</definedName>
    <definedName name="G_D0091" hidden="1">#REF!</definedName>
    <definedName name="G_D0092" hidden="1">#REF!</definedName>
    <definedName name="G_D0093" hidden="1">#REF!</definedName>
    <definedName name="G_D0094" hidden="1">#REF!</definedName>
    <definedName name="G_D0095" hidden="1">#REF!</definedName>
    <definedName name="G_D0099" hidden="1">#REF!</definedName>
    <definedName name="G_D0102" hidden="1">#REF!</definedName>
    <definedName name="G_D0103" hidden="1">#REF!</definedName>
    <definedName name="G_D0104" hidden="1">#REF!</definedName>
    <definedName name="G_D0105" hidden="1">#REF!</definedName>
    <definedName name="G_D0107" hidden="1">#REF!</definedName>
    <definedName name="G_D0109" hidden="1">#REF!</definedName>
    <definedName name="G_D0110" hidden="1">#REF!</definedName>
    <definedName name="G_D0111" hidden="1">#REF!</definedName>
    <definedName name="G_D0112" hidden="1">#REF!</definedName>
    <definedName name="G_D0113" hidden="1">#REF!</definedName>
    <definedName name="G_D0114" hidden="1">#REF!</definedName>
    <definedName name="G_D0115" hidden="1">#REF!</definedName>
    <definedName name="G_D0116" hidden="1">#REF!</definedName>
    <definedName name="G_D0117" hidden="1">#REF!</definedName>
    <definedName name="G_D0118" hidden="1">#REF!</definedName>
    <definedName name="G_D0119" hidden="1">#REF!</definedName>
    <definedName name="G_D0121" hidden="1">#REF!</definedName>
    <definedName name="G_D0122" hidden="1">#REF!</definedName>
    <definedName name="G_D0123" hidden="1">#REF!</definedName>
    <definedName name="G_F0001" hidden="1">#REF!</definedName>
    <definedName name="G_F0002" hidden="1">#REF!</definedName>
    <definedName name="GenbaKanri">[8]!GenbaKanri</definedName>
    <definedName name="GenbaKanriHyouji">[8]!GenbaKanriHyouji</definedName>
    <definedName name="ＧＴ">[4]歩・屋!$W$12</definedName>
    <definedName name="H">#REF!</definedName>
    <definedName name="HH">#REF!</definedName>
    <definedName name="ｈｈｈ">[4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N_KNN">#REF!</definedName>
    <definedName name="int">#REF!</definedName>
    <definedName name="IppanKanri">[8]!IppanKanri</definedName>
    <definedName name="IppanKanriHyouji">[8]!IppanKanriHyouji</definedName>
    <definedName name="J">#REF!</definedName>
    <definedName name="Junbi">[8]!Junbi</definedName>
    <definedName name="JunbiHyouji">[8]!JunbiHyouji</definedName>
    <definedName name="Ｋ">#REF!</definedName>
    <definedName name="K_0" hidden="1">#REF!</definedName>
    <definedName name="KH">22720</definedName>
    <definedName name="KHK">0</definedName>
    <definedName name="kkk">[14]入力一般管理!#REF!</definedName>
    <definedName name="kkkkk" hidden="1">{"設定1",#N/A,FALSE,"第5号-1";"設定2",#N/A,FALSE,"第5号-1"}</definedName>
    <definedName name="KR">#REF!</definedName>
    <definedName name="KS">0.18</definedName>
    <definedName name="kt">0</definedName>
    <definedName name="ｌ">[7]土工!#REF!</definedName>
    <definedName name="L3554Ｌ３０００">#REF!</definedName>
    <definedName name="LL">#REF!</definedName>
    <definedName name="LOOPN">[9]表紙!#REF!</definedName>
    <definedName name="LOOPS">[9]表紙!#REF!</definedName>
    <definedName name="LOOP入">[9]表紙!#REF!</definedName>
    <definedName name="LOOP抜">[9]表紙!#REF!</definedName>
    <definedName name="Ｍ">#REF!</definedName>
    <definedName name="MENUA">[9]表紙!#REF!</definedName>
    <definedName name="MENUB">[9]表紙!#REF!</definedName>
    <definedName name="MENUE">[9]表紙!#REF!</definedName>
    <definedName name="MENUP">[9]表紙!#REF!</definedName>
    <definedName name="MENUP2">[9]表紙!#REF!</definedName>
    <definedName name="MI">#REF!</definedName>
    <definedName name="mm">[6]表紙!#REF!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15]代価表 '!$Z$2</definedName>
    <definedName name="P">#REF!</definedName>
    <definedName name="P_1" hidden="1">#REF!</definedName>
    <definedName name="P_10" hidden="1">#REF!</definedName>
    <definedName name="P_100" hidden="1">#REF!</definedName>
    <definedName name="P_101" hidden="1">#REF!</definedName>
    <definedName name="P_102" hidden="1">#REF!</definedName>
    <definedName name="P_103" hidden="1">#REF!</definedName>
    <definedName name="P_104" hidden="1">#REF!</definedName>
    <definedName name="P_105" hidden="1">#REF!</definedName>
    <definedName name="P_106" hidden="1">#REF!</definedName>
    <definedName name="P_107" hidden="1">#REF!</definedName>
    <definedName name="P_108" hidden="1">#REF!</definedName>
    <definedName name="P_109" hidden="1">#REF!</definedName>
    <definedName name="P_11" hidden="1">#REF!</definedName>
    <definedName name="P_110" hidden="1">#REF!</definedName>
    <definedName name="P_111" hidden="1">#REF!</definedName>
    <definedName name="P_112" hidden="1">#REF!</definedName>
    <definedName name="P_113" hidden="1">#REF!</definedName>
    <definedName name="P_114" hidden="1">#REF!</definedName>
    <definedName name="P_115" hidden="1">#REF!</definedName>
    <definedName name="P_116" hidden="1">#REF!</definedName>
    <definedName name="P_117" hidden="1">#REF!</definedName>
    <definedName name="P_118" hidden="1">#REF!</definedName>
    <definedName name="P_119" hidden="1">#REF!</definedName>
    <definedName name="P_12" hidden="1">#REF!</definedName>
    <definedName name="P_120" hidden="1">#REF!</definedName>
    <definedName name="P_121" hidden="1">#REF!</definedName>
    <definedName name="P_122" hidden="1">#REF!</definedName>
    <definedName name="P_123" hidden="1">#REF!</definedName>
    <definedName name="P_124" hidden="1">#REF!</definedName>
    <definedName name="P_125" hidden="1">#REF!</definedName>
    <definedName name="P_126" hidden="1">#REF!</definedName>
    <definedName name="P_127" hidden="1">#REF!</definedName>
    <definedName name="P_128" hidden="1">#REF!</definedName>
    <definedName name="P_129" hidden="1">#REF!</definedName>
    <definedName name="P_13" hidden="1">#REF!</definedName>
    <definedName name="P_130" hidden="1">#REF!</definedName>
    <definedName name="P_131" hidden="1">#REF!</definedName>
    <definedName name="P_132" hidden="1">#REF!</definedName>
    <definedName name="P_133" hidden="1">#REF!</definedName>
    <definedName name="P_134" hidden="1">#REF!</definedName>
    <definedName name="P_135" hidden="1">#REF!</definedName>
    <definedName name="P_136" hidden="1">#REF!</definedName>
    <definedName name="P_137" hidden="1">#REF!</definedName>
    <definedName name="P_138" hidden="1">#REF!</definedName>
    <definedName name="P_139" hidden="1">#REF!</definedName>
    <definedName name="P_14" hidden="1">#REF!</definedName>
    <definedName name="P_140" hidden="1">#REF!</definedName>
    <definedName name="P_141" hidden="1">#REF!</definedName>
    <definedName name="P_142" hidden="1">#REF!</definedName>
    <definedName name="P_143" hidden="1">#REF!</definedName>
    <definedName name="P_144" hidden="1">#REF!</definedName>
    <definedName name="P_145" hidden="1">#REF!</definedName>
    <definedName name="P_146" hidden="1">#REF!</definedName>
    <definedName name="P_147" hidden="1">#REF!</definedName>
    <definedName name="P_15" hidden="1">#REF!</definedName>
    <definedName name="P_16" hidden="1">#REF!</definedName>
    <definedName name="P_17" hidden="1">#REF!</definedName>
    <definedName name="P_18" hidden="1">#REF!</definedName>
    <definedName name="P_19" hidden="1">#REF!</definedName>
    <definedName name="P_2" hidden="1">#REF!</definedName>
    <definedName name="P_20" hidden="1">#REF!</definedName>
    <definedName name="P_21" hidden="1">#REF!</definedName>
    <definedName name="P_22" hidden="1">#REF!</definedName>
    <definedName name="P_23" hidden="1">#REF!</definedName>
    <definedName name="P_24" hidden="1">#REF!</definedName>
    <definedName name="P_25" hidden="1">#REF!</definedName>
    <definedName name="P_26" hidden="1">#REF!</definedName>
    <definedName name="P_27" hidden="1">#REF!</definedName>
    <definedName name="P_28" hidden="1">#REF!</definedName>
    <definedName name="P_29" hidden="1">#REF!</definedName>
    <definedName name="P_3" hidden="1">#REF!</definedName>
    <definedName name="P_30" hidden="1">#REF!</definedName>
    <definedName name="P_31" hidden="1">#REF!</definedName>
    <definedName name="P_32" hidden="1">#REF!</definedName>
    <definedName name="P_33" hidden="1">#REF!</definedName>
    <definedName name="P_34" hidden="1">#REF!</definedName>
    <definedName name="P_35" hidden="1">#REF!</definedName>
    <definedName name="P_36" hidden="1">#REF!</definedName>
    <definedName name="P_37" hidden="1">#REF!</definedName>
    <definedName name="P_38" hidden="1">#REF!</definedName>
    <definedName name="P_39" hidden="1">#REF!</definedName>
    <definedName name="P_4" hidden="1">#REF!</definedName>
    <definedName name="P_40" hidden="1">#REF!</definedName>
    <definedName name="P_41" hidden="1">#REF!</definedName>
    <definedName name="P_42" hidden="1">#REF!</definedName>
    <definedName name="P_43" hidden="1">#REF!</definedName>
    <definedName name="P_44" hidden="1">#REF!</definedName>
    <definedName name="P_45" hidden="1">#REF!</definedName>
    <definedName name="P_46" hidden="1">#REF!</definedName>
    <definedName name="P_47" hidden="1">#REF!</definedName>
    <definedName name="P_48" hidden="1">#REF!</definedName>
    <definedName name="P_49" hidden="1">#REF!</definedName>
    <definedName name="P_5" hidden="1">#REF!</definedName>
    <definedName name="P_50" hidden="1">#REF!</definedName>
    <definedName name="P_51" hidden="1">#REF!</definedName>
    <definedName name="P_52" hidden="1">#REF!</definedName>
    <definedName name="P_53" hidden="1">#REF!</definedName>
    <definedName name="P_54" hidden="1">#REF!</definedName>
    <definedName name="P_55" hidden="1">#REF!</definedName>
    <definedName name="P_56" hidden="1">#REF!</definedName>
    <definedName name="P_57" hidden="1">#REF!</definedName>
    <definedName name="P_58" hidden="1">#REF!</definedName>
    <definedName name="P_59" hidden="1">#REF!</definedName>
    <definedName name="P_6" hidden="1">#REF!</definedName>
    <definedName name="P_60" hidden="1">#REF!</definedName>
    <definedName name="P_61" hidden="1">#REF!</definedName>
    <definedName name="P_62" hidden="1">#REF!</definedName>
    <definedName name="P_63" hidden="1">#REF!</definedName>
    <definedName name="P_64" hidden="1">#REF!</definedName>
    <definedName name="P_65" hidden="1">#REF!</definedName>
    <definedName name="P_66" hidden="1">#REF!</definedName>
    <definedName name="P_67" hidden="1">#REF!</definedName>
    <definedName name="P_68" hidden="1">#REF!</definedName>
    <definedName name="P_69" hidden="1">#REF!</definedName>
    <definedName name="P_7" hidden="1">#REF!</definedName>
    <definedName name="P_70" hidden="1">#REF!</definedName>
    <definedName name="P_71" hidden="1">#REF!</definedName>
    <definedName name="P_72" hidden="1">#REF!</definedName>
    <definedName name="P_73" hidden="1">#REF!</definedName>
    <definedName name="P_74" hidden="1">#REF!</definedName>
    <definedName name="P_75" hidden="1">#REF!</definedName>
    <definedName name="P_76" hidden="1">#REF!</definedName>
    <definedName name="P_77" hidden="1">#REF!</definedName>
    <definedName name="P_78" hidden="1">#REF!</definedName>
    <definedName name="P_79" hidden="1">#REF!</definedName>
    <definedName name="P_8" hidden="1">#REF!</definedName>
    <definedName name="P_80" hidden="1">#REF!</definedName>
    <definedName name="P_81" hidden="1">#REF!</definedName>
    <definedName name="P_82" hidden="1">#REF!</definedName>
    <definedName name="P_83" hidden="1">#REF!</definedName>
    <definedName name="P_84" hidden="1">#REF!</definedName>
    <definedName name="P_85" hidden="1">#REF!</definedName>
    <definedName name="P_86" hidden="1">#REF!</definedName>
    <definedName name="P_87" hidden="1">#REF!</definedName>
    <definedName name="P_88" hidden="1">#REF!</definedName>
    <definedName name="P_89" hidden="1">#REF!</definedName>
    <definedName name="P_9" hidden="1">#REF!</definedName>
    <definedName name="P_90" hidden="1">#REF!</definedName>
    <definedName name="P_91" hidden="1">#REF!</definedName>
    <definedName name="P_92" hidden="1">#REF!</definedName>
    <definedName name="P_93" hidden="1">#REF!</definedName>
    <definedName name="P_94" hidden="1">#REF!</definedName>
    <definedName name="P_95" hidden="1">#REF!</definedName>
    <definedName name="P_96" hidden="1">#REF!</definedName>
    <definedName name="P_97" hidden="1">#REF!</definedName>
    <definedName name="P_98" hidden="1">#REF!</definedName>
    <definedName name="P_99" hidden="1">#REF!</definedName>
    <definedName name="PBOX200">[10]ｹｰﾌﾞﾙ計!#REF!</definedName>
    <definedName name="PE管28">[10]ｹｰﾌﾞﾙ計!#REF!</definedName>
    <definedName name="PE管42">[10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表紙!$A$1:$N$22</definedName>
    <definedName name="_xlnm.Print_Area">#REF!</definedName>
    <definedName name="Print_Area_MI">#REF!</definedName>
    <definedName name="Print_Area１">#REF!</definedName>
    <definedName name="Print_Area２">[16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Q">#REF!</definedName>
    <definedName name="QD">#REF!</definedName>
    <definedName name="QH">#REF!</definedName>
    <definedName name="qwu" hidden="1">{"設定1",#N/A,FALSE,"第5号-1";"設定2",#N/A,FALSE,"第5号-1"}</definedName>
    <definedName name="RE">#REF!</definedName>
    <definedName name="RENP">#REF!</definedName>
    <definedName name="RF">#REF!</definedName>
    <definedName name="ro">'[4]拾・幹線(屋)'!$O$10</definedName>
    <definedName name="RS">#REF!</definedName>
    <definedName name="RUM">#REF!</definedName>
    <definedName name="RV">#REF!</definedName>
    <definedName name="s">#REF!</definedName>
    <definedName name="SAB">#REF!</definedName>
    <definedName name="SCV">#REF!</definedName>
    <definedName name="SKｿｹｯﾄφ20">#REF!</definedName>
    <definedName name="SKｿｹｯﾄφ40">#REF!</definedName>
    <definedName name="SONI">#REF!</definedName>
    <definedName name="SONO">#REF!</definedName>
    <definedName name="SPK">17940</definedName>
    <definedName name="ｓｒ">[7]土工!#REF!</definedName>
    <definedName name="SUB">#REF!</definedName>
    <definedName name="T">#REF!</definedName>
    <definedName name="TF">#REF!</definedName>
    <definedName name="to">'[4]拾・幹線(屋)'!$O$14</definedName>
    <definedName name="TORA">'[4]#REF'!$C$5:$S$38</definedName>
    <definedName name="TPAJI">#REF!</definedName>
    <definedName name="TS">16892</definedName>
    <definedName name="T区">#REF!</definedName>
    <definedName name="U">#REF!</definedName>
    <definedName name="UG">#REF!</definedName>
    <definedName name="UHY">#REF!</definedName>
    <definedName name="Unnpan">[8]!Unnpan</definedName>
    <definedName name="V">#REF!</definedName>
    <definedName name="VNJ">#REF!</definedName>
    <definedName name="W">#REF!</definedName>
    <definedName name="WA">#REF!</definedName>
    <definedName name="wrn.１７." hidden="1">{#N/A,#N/A,FALSE,"Sheet16";#N/A,#N/A,FALSE,"Sheet16"}</definedName>
    <definedName name="wrn.REP1." hidden="1">{"設定1",#N/A,FALSE,"第5号-1";"設定2",#N/A,FALSE,"第5号-1"}</definedName>
    <definedName name="wrn.REP2" hidden="1">{"設定1",#N/A,FALSE,"第5号-1";"設定2",#N/A,FALSE,"第5号-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X">#REF!</definedName>
    <definedName name="XC">#REF!</definedName>
    <definedName name="XMIN">#REF!</definedName>
    <definedName name="Y">#REF!</definedName>
    <definedName name="Yusou">[8]!Yusou</definedName>
    <definedName name="YusouHyouji">[8]!YusouHyouji</definedName>
    <definedName name="ｙｙ">[9]表紙!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ア">[17]表紙!#REF!</definedName>
    <definedName name="あ">[18]亜鉛鉄板!$AP$3</definedName>
    <definedName name="あ1">#REF!</definedName>
    <definedName name="あああ">#REF!</definedName>
    <definedName name="ああああ">#REF!</definedName>
    <definedName name="ああああああ">[17]表紙!#REF!</definedName>
    <definedName name="ｱｽﾌｧﾙﾄ乳剤PK3">#REF!</definedName>
    <definedName name="ｱｾﾁﾚﾝ">#REF!</definedName>
    <definedName name="いいいい">[8]!Anzen</definedName>
    <definedName name="いらない列1">#REF!</definedName>
    <definedName name="いらない列2">#REF!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'[4]#REF'!$C$5:$S$38</definedName>
    <definedName name="ｶﾞｽPS">#REF!</definedName>
    <definedName name="ガス給湯器">[4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19]府県別労務!$C$50</definedName>
    <definedName name="くうちょう">#REF!</definedName>
    <definedName name="グランド照明">[12]内訳書!#REF!</definedName>
    <definedName name="ｸﾚｰﾝ付ﾄﾗｯｸ運転2.9t">#REF!</definedName>
    <definedName name="ｸﾛｽ集計範囲">#REF!</definedName>
    <definedName name="ｺﾝｸﾘｰﾄ混和剤">#REF!</definedName>
    <definedName name="ｺﾝﾏ小数点">#REF!</definedName>
    <definedName name="さく岩工">#REF!</definedName>
    <definedName name="ささＳ">#REF!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4]#REF'!$U$1:$AK$2</definedName>
    <definedName name="ｽﾞｰﾑ">[1]仮設躯体!$A$2:$I$21</definedName>
    <definedName name="スコアボード比較">#REF!</definedName>
    <definedName name="スタイル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だいＫ">[20]表紙!#REF!</definedName>
    <definedName name="ﾀｲﾄﾙ行">#REF!</definedName>
    <definedName name="タイル工">#REF!</definedName>
    <definedName name="ダク">[21]明細!#REF!</definedName>
    <definedName name="ダクタイル鋳鉄管">#REF!</definedName>
    <definedName name="ダクト">[21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とび工">#REF!</definedName>
    <definedName name="ﾄﾗｯｸ">'[4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ﾊﾝﾄﾞﾎｰﾙ１">[4]愛駿寮公共下水道接続工事!#REF!</definedName>
    <definedName name="ﾊﾝﾄﾞﾎｰﾙ２">#REF!</definedName>
    <definedName name="ふ">#REF!</definedName>
    <definedName name="プリカ50">[10]ｹｰﾌﾞﾙ計!#REF!</definedName>
    <definedName name="ブロック工">#REF!</definedName>
    <definedName name="ポンプ">[4]歩・屋!$W$5</definedName>
    <definedName name="ポンプB">[4]歩・屋!$W$5</definedName>
    <definedName name="ﾒｰｶｰﾘｽﾄ">[22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タ">#REF!</definedName>
    <definedName name="モルタ">#REF!</definedName>
    <definedName name="モルタル">#REF!</definedName>
    <definedName name="モルタル１２">#REF!</definedName>
    <definedName name="ﾛﾗｰ運転0.8_1.1t">#REF!</definedName>
    <definedName name="ﾛﾗｰ運転3.0_4.0t">#REF!</definedName>
    <definedName name="安全">#REF!</definedName>
    <definedName name="按分">#REF!</definedName>
    <definedName name="移動">#REF!</definedName>
    <definedName name="一">#REF!</definedName>
    <definedName name="一位代価">#REF!</definedName>
    <definedName name="一般運転手">#REF!</definedName>
    <definedName name="一般労務費">#REF!</definedName>
    <definedName name="印刷">[23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範囲">#REF!</definedName>
    <definedName name="印刷表">[24]表紙!#REF!</definedName>
    <definedName name="雨水濾過">[4]歩・屋!$W$8</definedName>
    <definedName name="運送費表示">#REF!</definedName>
    <definedName name="運転手_一般">#REF!</definedName>
    <definedName name="運転手_特殊">#REF!</definedName>
    <definedName name="運搬">#REF!</definedName>
    <definedName name="営繕">#REF!</definedName>
    <definedName name="汚水桝">[25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1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18]亜鉛鉄板!$AP$1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[1]仮設躯体!$A$41</definedName>
    <definedName name="開始頁">[24]表紙!#REF!</definedName>
    <definedName name="外構">[1]外構!$A$1</definedName>
    <definedName name="外部建具">[1]外部!$A$193</definedName>
    <definedName name="確認0">#REF!</definedName>
    <definedName name="換気">#REF!</definedName>
    <definedName name="環境">#REF!</definedName>
    <definedName name="管渠土工計算書">#REF!</definedName>
    <definedName name="器">#REF!</definedName>
    <definedName name="基礎工">#REF!</definedName>
    <definedName name="既存校舎">[12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記号">[26]表紙!#REF!</definedName>
    <definedName name="記号3">[27]搬入据付様式!#REF!</definedName>
    <definedName name="記号4">[27]搬入据付様式!#REF!</definedName>
    <definedName name="記号5">[27]搬入据付様式!#REF!</definedName>
    <definedName name="記号6">[27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術">#REF!</definedName>
    <definedName name="技術員">#REF!</definedName>
    <definedName name="技術者Ａ">#REF!</definedName>
    <definedName name="技術者Ｂ">#REF!</definedName>
    <definedName name="吸出防止材">[28]明細書!#REF!</definedName>
    <definedName name="給水PS">#REF!</definedName>
    <definedName name="給湯">#REF!</definedName>
    <definedName name="共">#REF!</definedName>
    <definedName name="共仮">#REF!</definedName>
    <definedName name="共通">[1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設定">[9]表紙!#REF!</definedName>
    <definedName name="金抜設定">[24]表紙!#REF!</definedName>
    <definedName name="躯体">[1]仮設躯体!$A$182</definedName>
    <definedName name="掘削">[17]表紙!#REF!</definedName>
    <definedName name="掘削梁">[17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経費">[4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軽作業員">#REF!</definedName>
    <definedName name="軽油陸上用">#REF!</definedName>
    <definedName name="桁">#REF!</definedName>
    <definedName name="月_1日">#REF!</definedName>
    <definedName name="建具工">#REF!</definedName>
    <definedName name="建築">[1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29]代価表 '!#REF!</definedName>
    <definedName name="見積比較換気">'[30]代価表 '!$Z$2</definedName>
    <definedName name="見積比較表">'[31]代価表 '!$Z$2</definedName>
    <definedName name="見比衛生2">'[32]代価表 '!#REF!</definedName>
    <definedName name="原価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33]設計書入力!$DT$23:$DU$700</definedName>
    <definedName name="工事件名">[34]工事総括!$C$3</definedName>
    <definedName name="工事明細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高級船員">#REF!</definedName>
    <definedName name="根拠設定">[24]表紙!#REF!</definedName>
    <definedName name="根拠範囲">[4]歩・屋!$B$3:$AD$372</definedName>
    <definedName name="左官">#REF!</definedName>
    <definedName name="査定率">#REF!</definedName>
    <definedName name="査定率表">[22]見積･重量!#REF!</definedName>
    <definedName name="砕石">[35]一位代価表!$F$147</definedName>
    <definedName name="細粒度AS">#REF!</definedName>
    <definedName name="材種">[36]鉄骨DATA!$A$2:$A$10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施工区分">#REF!</definedName>
    <definedName name="室内">[1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22]見積･重量!#REF!</definedName>
    <definedName name="修正">[9]表紙!#REF!</definedName>
    <definedName name="修正1">[9]表紙!#REF!</definedName>
    <definedName name="修正2">[9]表紙!#REF!</definedName>
    <definedName name="修正3">[9]表紙!#REF!</definedName>
    <definedName name="修正4">[9]表紙!#REF!</definedName>
    <definedName name="修正5">[24]表紙!#REF!</definedName>
    <definedName name="修正6">[24]表紙!#REF!</definedName>
    <definedName name="修正年月">[37]目次!$B$2</definedName>
    <definedName name="終了">#N/A</definedName>
    <definedName name="出力">#REF!</definedName>
    <definedName name="出力２">'[4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小計">[33]設計書入力!$FD$21:$GH$23</definedName>
    <definedName name="小配管">#REF!</definedName>
    <definedName name="小配管弁類">#REF!</definedName>
    <definedName name="小便器">#REF!</definedName>
    <definedName name="松阪市">#REF!</definedName>
    <definedName name="照明器具_K201">#REF!</definedName>
    <definedName name="省略単価">#REF!</definedName>
    <definedName name="条件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4]歩・屋!$W$6</definedName>
    <definedName name="水槽_鉄">[4]歩・屋!$W$7</definedName>
    <definedName name="水中ポンプ">[35]一位代価表!$F$223</definedName>
    <definedName name="数値">#REF!</definedName>
    <definedName name="数値コピー">#REF!</definedName>
    <definedName name="数量">#REF!</definedName>
    <definedName name="数量1">#REF!</definedName>
    <definedName name="整備士">#REF!</definedName>
    <definedName name="生コンFｰ160">#REF!</definedName>
    <definedName name="生コンFｰ210">#REF!</definedName>
    <definedName name="請負額算定">[38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設計">[26]表紙!#REF!</definedName>
    <definedName name="設計技術員">#REF!</definedName>
    <definedName name="設備機械工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全頁印刷">[9]表紙!#REF!</definedName>
    <definedName name="粗粒AS">#REF!</definedName>
    <definedName name="創">#REF!</definedName>
    <definedName name="操縦士">#REF!</definedName>
    <definedName name="総括">[1]内訳!$A$1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4]歩・屋!$W$11</definedName>
    <definedName name="代価根拠範囲">[4]歩・屋!$B$3:$AD$362</definedName>
    <definedName name="代価電気">[39]一位代価!$A:$IV</definedName>
    <definedName name="大工">#REF!</definedName>
    <definedName name="大便器">#REF!</definedName>
    <definedName name="単位">#REF!</definedName>
    <definedName name="単価">#REF!</definedName>
    <definedName name="単価コード">[40]単価コード!$B$1:$H$65536</definedName>
    <definedName name="地質調査員">#REF!</definedName>
    <definedName name="地質調査技師">#REF!</definedName>
    <definedName name="中部">#REF!</definedName>
    <definedName name="鋳鉄管">#REF!</definedName>
    <definedName name="鋳鉄管切断機500以下">#REF!</definedName>
    <definedName name="鋳鉄管弁類">#REF!</definedName>
    <definedName name="直仮">[1]内訳!$A$79</definedName>
    <definedName name="直工">#REF!</definedName>
    <definedName name="直接工事費">#REF!</definedName>
    <definedName name="低減率">#REF!</definedName>
    <definedName name="提出範囲">[4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一般率表">#REF!</definedName>
    <definedName name="電気温水器">[4]歩・屋!$W$9</definedName>
    <definedName name="電気温水器B">[4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工">#REF!</definedName>
    <definedName name="電工1">[10]ｹｰﾌﾞﾙ計!#REF!</definedName>
    <definedName name="電線管埋設">#REF!</definedName>
    <definedName name="電柱基礎">#REF!</definedName>
    <definedName name="吐">[21]内訳!#REF!</definedName>
    <definedName name="吐１">[21]内訳!#REF!</definedName>
    <definedName name="吐出">[21]内訳!#REF!</definedName>
    <definedName name="吐出弁">[21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1]仮設躯体!#REF!</definedName>
    <definedName name="土木一般世話役">#REF!</definedName>
    <definedName name="土木世話役">#REF!</definedName>
    <definedName name="土留工">#REF!</definedName>
    <definedName name="土量計算書">[17]表紙!#REF!</definedName>
    <definedName name="東海">#REF!</definedName>
    <definedName name="当り">#REF!</definedName>
    <definedName name="頭２" hidden="1">{#N/A,#N/A,FALSE,"Sheet16";#N/A,#N/A,FALSE,"Sheet16"}</definedName>
    <definedName name="頭出しA">[5]修正履歴!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1]内訳!$A$153</definedName>
    <definedName name="内外構">[1]内訳!$A$361</definedName>
    <definedName name="内躯体">[1]内訳!$A$56</definedName>
    <definedName name="内装工">#REF!</definedName>
    <definedName name="内部建具">[1]内部!$A$1</definedName>
    <definedName name="内部雑">[1]内訳!$A$316</definedName>
    <definedName name="内訳">[41]表紙!#REF!</definedName>
    <definedName name="内訳2">[42]内訳!#REF!</definedName>
    <definedName name="内訳一覧">[43]経費計算書!$A$1:$M$57</definedName>
    <definedName name="内訳書">[44]別紙内訳!#REF!</definedName>
    <definedName name="二次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45]排水器具・ﾄﾗｯﾌﾟ!$V$50:$AC$70</definedName>
    <definedName name="排水PS">#REF!</definedName>
    <definedName name="排水器具･ﾄﾗｯﾌﾟ等">[45]排水器具・ﾄﾗｯﾌﾟ!$V$50:$AC$70</definedName>
    <definedName name="配管工">#REF!</definedName>
    <definedName name="配線器具">#REF!</definedName>
    <definedName name="剥離剤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比較">#REF!</definedName>
    <definedName name="費">'[46]代価表 '!$Z$6</definedName>
    <definedName name="表紙">[47]!印刷</definedName>
    <definedName name="不活性ガス">[4]歩・屋!$W$13</definedName>
    <definedName name="付属品率">#REF!</definedName>
    <definedName name="付帯">[1]付帯!$C$4</definedName>
    <definedName name="普作1">[10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24]表紙!#REF!</definedName>
    <definedName name="複合工集計表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写">#REF!</definedName>
    <definedName name="複写範囲">#REF!</definedName>
    <definedName name="兵庫県都まちづくり部設備課">[48]小項目!#REF!</definedName>
    <definedName name="頁枚数">[9]表紙!#REF!</definedName>
    <definedName name="別途">[1]付帯!$F$3</definedName>
    <definedName name="変更用紙">[38]!印刷</definedName>
    <definedName name="保温工">#REF!</definedName>
    <definedName name="保存">#N/A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密粒AS">#REF!</definedName>
    <definedName name="名称">#REF!</definedName>
    <definedName name="問い合せ">#REF!</definedName>
    <definedName name="役務">#REF!</definedName>
    <definedName name="輸送費">#REF!</definedName>
    <definedName name="予定価格積算書">#REF!</definedName>
    <definedName name="幼児便器">#REF!</definedName>
    <definedName name="擁壁小">[35]工事費内訳表!$H$43</definedName>
    <definedName name="擁壁大">[35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粒調砕石Mｰ30">#REF!</definedName>
    <definedName name="鈴鹿市">#REF!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</definedNames>
  <calcPr calcId="145621" calcMode="manual"/>
</workbook>
</file>

<file path=xl/sharedStrings.xml><?xml version="1.0" encoding="utf-8"?>
<sst xmlns="http://schemas.openxmlformats.org/spreadsheetml/2006/main" count="7553" uniqueCount="846"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</si>
  <si>
    <t>備　　　考</t>
    <phoneticPr fontId="2"/>
  </si>
  <si>
    <t>工事費内訳</t>
    <phoneticPr fontId="3"/>
  </si>
  <si>
    <t/>
  </si>
  <si>
    <t xml:space="preserve">直接工事費      </t>
    <phoneticPr fontId="3"/>
  </si>
  <si>
    <t xml:space="preserve">建築工事        </t>
    <phoneticPr fontId="3"/>
  </si>
  <si>
    <t xml:space="preserve">1   </t>
    <phoneticPr fontId="3"/>
  </si>
  <si>
    <t>式</t>
    <phoneticPr fontId="3"/>
  </si>
  <si>
    <t xml:space="preserve">電気設備工事    </t>
    <phoneticPr fontId="3"/>
  </si>
  <si>
    <t xml:space="preserve">機械設備工事    </t>
    <phoneticPr fontId="3"/>
  </si>
  <si>
    <t>計</t>
    <phoneticPr fontId="3"/>
  </si>
  <si>
    <t xml:space="preserve">共通費          </t>
    <phoneticPr fontId="3"/>
  </si>
  <si>
    <t xml:space="preserve">  共通仮設費    </t>
    <phoneticPr fontId="3"/>
  </si>
  <si>
    <t xml:space="preserve">  現場管理費    </t>
    <phoneticPr fontId="3"/>
  </si>
  <si>
    <t xml:space="preserve">  一般管理費等  </t>
    <phoneticPr fontId="3"/>
  </si>
  <si>
    <t xml:space="preserve">工事価格        </t>
    <phoneticPr fontId="3"/>
  </si>
  <si>
    <t>工事種別内訳</t>
    <phoneticPr fontId="3"/>
  </si>
  <si>
    <t>廃材処分・スクラップ費</t>
    <phoneticPr fontId="3"/>
  </si>
  <si>
    <t>建築工事　種目別内訳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  <phoneticPr fontId="2"/>
  </si>
  <si>
    <t>１号棟（耐震改修）</t>
    <phoneticPr fontId="3"/>
  </si>
  <si>
    <t>１号棟（耐震改修）</t>
    <phoneticPr fontId="3"/>
  </si>
  <si>
    <t xml:space="preserve">1   </t>
    <phoneticPr fontId="3"/>
  </si>
  <si>
    <t>式</t>
    <phoneticPr fontId="3"/>
  </si>
  <si>
    <t>１号棟（外壁・防水改修）</t>
    <phoneticPr fontId="3"/>
  </si>
  <si>
    <t>１号棟（外壁・防水改修）</t>
    <phoneticPr fontId="3"/>
  </si>
  <si>
    <t>計</t>
    <phoneticPr fontId="3"/>
  </si>
  <si>
    <t>廃材処分・スクラップ費　種目別内訳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廃材処分・スクラップ費</t>
    <phoneticPr fontId="3"/>
  </si>
  <si>
    <t>建築工事　科目別内訳</t>
    <phoneticPr fontId="3"/>
  </si>
  <si>
    <t>直接仮設（耐震改修）</t>
    <phoneticPr fontId="3"/>
  </si>
  <si>
    <t>外壁改修（耐震改修）</t>
    <phoneticPr fontId="3"/>
  </si>
  <si>
    <t>建具改修（耐震改修）</t>
    <phoneticPr fontId="3"/>
  </si>
  <si>
    <t xml:space="preserve">内装改修        </t>
    <phoneticPr fontId="3"/>
  </si>
  <si>
    <t xml:space="preserve">塗装改修        </t>
    <phoneticPr fontId="3"/>
  </si>
  <si>
    <t>耐震（躯体）改修</t>
    <phoneticPr fontId="3"/>
  </si>
  <si>
    <t>直接仮設（外壁・防水改修）</t>
    <phoneticPr fontId="3"/>
  </si>
  <si>
    <t xml:space="preserve">防水改修        </t>
    <phoneticPr fontId="3"/>
  </si>
  <si>
    <t>外壁改修（外壁・防水改修）</t>
    <phoneticPr fontId="3"/>
  </si>
  <si>
    <t>廃材処分・スクラップ費　科目別内訳</t>
    <phoneticPr fontId="3"/>
  </si>
  <si>
    <t>建築工事　中科目別内訳</t>
    <phoneticPr fontId="3"/>
  </si>
  <si>
    <t>１号棟（耐震改修）</t>
    <phoneticPr fontId="3"/>
  </si>
  <si>
    <t>科　目　名　称</t>
    <phoneticPr fontId="2"/>
  </si>
  <si>
    <t>中　科　目　名　称</t>
    <phoneticPr fontId="2"/>
  </si>
  <si>
    <t>数　量</t>
    <phoneticPr fontId="2"/>
  </si>
  <si>
    <t>単位</t>
    <phoneticPr fontId="2"/>
  </si>
  <si>
    <t>金　　　　額</t>
    <phoneticPr fontId="2"/>
  </si>
  <si>
    <t>備　　　考</t>
    <phoneticPr fontId="2"/>
  </si>
  <si>
    <t>直接仮設（耐震改修）</t>
    <phoneticPr fontId="3"/>
  </si>
  <si>
    <t xml:space="preserve">1   </t>
    <phoneticPr fontId="3"/>
  </si>
  <si>
    <t>式</t>
    <phoneticPr fontId="3"/>
  </si>
  <si>
    <t>計</t>
    <phoneticPr fontId="3"/>
  </si>
  <si>
    <t>外壁改修（耐震改修）</t>
    <phoneticPr fontId="3"/>
  </si>
  <si>
    <t xml:space="preserve">撤去            </t>
    <phoneticPr fontId="3"/>
  </si>
  <si>
    <t xml:space="preserve">改修            </t>
    <phoneticPr fontId="3"/>
  </si>
  <si>
    <t>建具改修（耐震改修）</t>
    <phoneticPr fontId="3"/>
  </si>
  <si>
    <t xml:space="preserve">内装改修        </t>
    <phoneticPr fontId="3"/>
  </si>
  <si>
    <t xml:space="preserve">塗装改修        </t>
    <phoneticPr fontId="3"/>
  </si>
  <si>
    <t>耐震（躯体）改修</t>
    <phoneticPr fontId="3"/>
  </si>
  <si>
    <t>建築工事　中科目別内訳</t>
    <phoneticPr fontId="3"/>
  </si>
  <si>
    <t>１号棟（外壁・防水改修）</t>
    <phoneticPr fontId="3"/>
  </si>
  <si>
    <t>科　目　名　称</t>
    <phoneticPr fontId="2"/>
  </si>
  <si>
    <t>中　科　目　名　称</t>
    <phoneticPr fontId="2"/>
  </si>
  <si>
    <t>数　量</t>
    <phoneticPr fontId="2"/>
  </si>
  <si>
    <t>単位</t>
    <phoneticPr fontId="2"/>
  </si>
  <si>
    <t>金　　　　額</t>
    <phoneticPr fontId="2"/>
  </si>
  <si>
    <t>直接仮設（外壁・防水改修）</t>
    <phoneticPr fontId="3"/>
  </si>
  <si>
    <t xml:space="preserve">防水改修        </t>
    <phoneticPr fontId="3"/>
  </si>
  <si>
    <t>外壁改修（外壁・防水改修）</t>
    <phoneticPr fontId="3"/>
  </si>
  <si>
    <t>廃材処分・スクラップ費　中科目別内訳</t>
    <phoneticPr fontId="3"/>
  </si>
  <si>
    <t>廃材処分・スクラップ費</t>
    <phoneticPr fontId="3"/>
  </si>
  <si>
    <t xml:space="preserve">運搬            </t>
    <phoneticPr fontId="3"/>
  </si>
  <si>
    <t xml:space="preserve">処分            </t>
    <phoneticPr fontId="3"/>
  </si>
  <si>
    <t>建築工事　細目別内訳</t>
    <phoneticPr fontId="3"/>
  </si>
  <si>
    <t>１号棟（耐震改修）</t>
    <phoneticPr fontId="3"/>
  </si>
  <si>
    <t>名　　　称</t>
    <phoneticPr fontId="2"/>
  </si>
  <si>
    <t>摘　　　　要</t>
    <phoneticPr fontId="2"/>
  </si>
  <si>
    <t>単  価</t>
    <phoneticPr fontId="2"/>
  </si>
  <si>
    <t xml:space="preserve">養生            </t>
    <phoneticPr fontId="3"/>
  </si>
  <si>
    <t>整理清掃後片付け</t>
    <phoneticPr fontId="3"/>
  </si>
  <si>
    <t xml:space="preserve">内部足場        </t>
    <phoneticPr fontId="3"/>
  </si>
  <si>
    <t xml:space="preserve">仮設間仕切り    </t>
    <phoneticPr fontId="3"/>
  </si>
  <si>
    <t xml:space="preserve">仮設材運搬      </t>
    <phoneticPr fontId="3"/>
  </si>
  <si>
    <t>撤去</t>
    <phoneticPr fontId="3"/>
  </si>
  <si>
    <t xml:space="preserve">カッター入れ    </t>
    <phoneticPr fontId="3"/>
  </si>
  <si>
    <t xml:space="preserve">下地種別，厚さ                  </t>
    <phoneticPr fontId="3"/>
  </si>
  <si>
    <t xml:space="preserve">部位                            </t>
    <phoneticPr fontId="3"/>
  </si>
  <si>
    <t>土間コンクリート</t>
    <phoneticPr fontId="3"/>
  </si>
  <si>
    <t xml:space="preserve">t150                            </t>
    <phoneticPr fontId="3"/>
  </si>
  <si>
    <t xml:space="preserve">4   </t>
    <phoneticPr fontId="3"/>
  </si>
  <si>
    <t>㎡</t>
    <phoneticPr fontId="3"/>
  </si>
  <si>
    <t xml:space="preserve">ｺﾝｸﾘｰﾄ撤去      </t>
    <phoneticPr fontId="3"/>
  </si>
  <si>
    <t xml:space="preserve">鉄筋切断共 ｺﾝｸﾘｰﾄﾌﾞﾚｰｶ 集積共   </t>
    <phoneticPr fontId="3"/>
  </si>
  <si>
    <t xml:space="preserve">14   </t>
    <phoneticPr fontId="3"/>
  </si>
  <si>
    <t>ｍ3</t>
    <phoneticPr fontId="3"/>
  </si>
  <si>
    <t>コンクリート壁鉄</t>
    <phoneticPr fontId="3"/>
  </si>
  <si>
    <t xml:space="preserve">筋はつり出し    </t>
    <phoneticPr fontId="3"/>
  </si>
  <si>
    <t xml:space="preserve">14.1 </t>
    <phoneticPr fontId="3"/>
  </si>
  <si>
    <t>庇　有筋コンクリ</t>
    <phoneticPr fontId="3"/>
  </si>
  <si>
    <t xml:space="preserve">ート撤去        </t>
    <phoneticPr fontId="3"/>
  </si>
  <si>
    <t xml:space="preserve">0.2 </t>
    <phoneticPr fontId="3"/>
  </si>
  <si>
    <t>フード　有筋コン</t>
    <phoneticPr fontId="3"/>
  </si>
  <si>
    <t xml:space="preserve">クリート撤去    </t>
    <phoneticPr fontId="3"/>
  </si>
  <si>
    <t>ｍ3</t>
    <phoneticPr fontId="3"/>
  </si>
  <si>
    <t>巾木　モルタル撤</t>
    <phoneticPr fontId="3"/>
  </si>
  <si>
    <t xml:space="preserve">去              </t>
    <phoneticPr fontId="3"/>
  </si>
  <si>
    <t xml:space="preserve">2.2 </t>
    <phoneticPr fontId="3"/>
  </si>
  <si>
    <t>㎡</t>
    <phoneticPr fontId="3"/>
  </si>
  <si>
    <t>外壁　モルタル撤</t>
    <phoneticPr fontId="3"/>
  </si>
  <si>
    <t xml:space="preserve">41.9 </t>
    <phoneticPr fontId="3"/>
  </si>
  <si>
    <t>庇　モルタル撤去</t>
    <phoneticPr fontId="3"/>
  </si>
  <si>
    <t>フード天端　モル</t>
    <phoneticPr fontId="3"/>
  </si>
  <si>
    <t xml:space="preserve">t30                             </t>
    <phoneticPr fontId="3"/>
  </si>
  <si>
    <t xml:space="preserve">タル撤去        </t>
    <phoneticPr fontId="3"/>
  </si>
  <si>
    <t xml:space="preserve">3.6 </t>
    <phoneticPr fontId="3"/>
  </si>
  <si>
    <t>外壁　既存吹付除</t>
    <phoneticPr fontId="3"/>
  </si>
  <si>
    <t xml:space="preserve">竪樋桝撤去      </t>
    <phoneticPr fontId="3"/>
  </si>
  <si>
    <t xml:space="preserve">塩ビ製　φ100用                 </t>
    <phoneticPr fontId="3"/>
  </si>
  <si>
    <t>か所</t>
    <phoneticPr fontId="3"/>
  </si>
  <si>
    <t xml:space="preserve">たてどい撤去    </t>
    <phoneticPr fontId="3"/>
  </si>
  <si>
    <t xml:space="preserve">VP管 集積共                     </t>
    <phoneticPr fontId="3"/>
  </si>
  <si>
    <t xml:space="preserve">11.5 </t>
    <phoneticPr fontId="3"/>
  </si>
  <si>
    <t>ｍ</t>
    <phoneticPr fontId="3"/>
  </si>
  <si>
    <t xml:space="preserve">タラップ撤去    </t>
    <phoneticPr fontId="3"/>
  </si>
  <si>
    <t xml:space="preserve">鋼製　W300×L11400              </t>
    <phoneticPr fontId="3"/>
  </si>
  <si>
    <t>建築工事　細目別内訳</t>
    <phoneticPr fontId="3"/>
  </si>
  <si>
    <t>外壁改修（耐震改修）</t>
    <phoneticPr fontId="3"/>
  </si>
  <si>
    <t>改修</t>
    <phoneticPr fontId="3"/>
  </si>
  <si>
    <t>名　　　称</t>
    <phoneticPr fontId="2"/>
  </si>
  <si>
    <t>摘　　　　要</t>
    <phoneticPr fontId="2"/>
  </si>
  <si>
    <t>数　量</t>
    <phoneticPr fontId="2"/>
  </si>
  <si>
    <t>単  価</t>
    <phoneticPr fontId="2"/>
  </si>
  <si>
    <t>金　　　　額</t>
    <phoneticPr fontId="2"/>
  </si>
  <si>
    <t xml:space="preserve">シーリング      </t>
    <phoneticPr fontId="3"/>
  </si>
  <si>
    <t xml:space="preserve">種類，形状                      </t>
    <phoneticPr fontId="3"/>
  </si>
  <si>
    <t>外壁　モルタル補</t>
    <phoneticPr fontId="3"/>
  </si>
  <si>
    <t xml:space="preserve">修              </t>
    <phoneticPr fontId="3"/>
  </si>
  <si>
    <t xml:space="preserve">0.4 </t>
    <phoneticPr fontId="3"/>
  </si>
  <si>
    <t xml:space="preserve">外装薄塗材 E    </t>
    <phoneticPr fontId="3"/>
  </si>
  <si>
    <t xml:space="preserve">ｺﾝｸﾘｰﾄ面  砂壁状 吹付け         </t>
    <phoneticPr fontId="3"/>
  </si>
  <si>
    <t xml:space="preserve">下地調整費(C-1)共               </t>
    <phoneticPr fontId="3"/>
  </si>
  <si>
    <t xml:space="preserve">51.3 </t>
    <phoneticPr fontId="3"/>
  </si>
  <si>
    <t xml:space="preserve">竪樋桝          </t>
    <phoneticPr fontId="3"/>
  </si>
  <si>
    <t xml:space="preserve">硬質ﾎﾟﾘ塩化     </t>
    <phoneticPr fontId="3"/>
  </si>
  <si>
    <t xml:space="preserve">径100                           </t>
    <phoneticPr fontId="3"/>
  </si>
  <si>
    <t xml:space="preserve">ﾋﾞﾆﾙ管とい(ｶﾗｰ) </t>
    <phoneticPr fontId="3"/>
  </si>
  <si>
    <t>開口カバー　アル</t>
    <phoneticPr fontId="3"/>
  </si>
  <si>
    <t xml:space="preserve">t1　W800×H500　ビス留め@150共  </t>
    <phoneticPr fontId="3"/>
  </si>
  <si>
    <t xml:space="preserve">ミプレート      </t>
    <phoneticPr fontId="3"/>
  </si>
  <si>
    <t xml:space="preserve">アルミ製踏段    </t>
    <phoneticPr fontId="3"/>
  </si>
  <si>
    <t xml:space="preserve">既成品　W620xD920xH750          </t>
    <phoneticPr fontId="3"/>
  </si>
  <si>
    <t xml:space="preserve">鋼製踊場        </t>
    <phoneticPr fontId="3"/>
  </si>
  <si>
    <t xml:space="preserve">1000x800xH750                   </t>
    <phoneticPr fontId="3"/>
  </si>
  <si>
    <t>タラップ（上部）</t>
    <phoneticPr fontId="3"/>
  </si>
  <si>
    <t>ステンレス製　W300xH4900　安全ガ</t>
    <phoneticPr fontId="3"/>
  </si>
  <si>
    <t xml:space="preserve">ードH3680、あと施工アンカーM12  </t>
    <phoneticPr fontId="3"/>
  </si>
  <si>
    <t xml:space="preserve">共                              </t>
    <phoneticPr fontId="3"/>
  </si>
  <si>
    <t>タラップ（踊場）</t>
    <phoneticPr fontId="3"/>
  </si>
  <si>
    <t xml:space="preserve">ステンレス製　W1800xD1200　手摺 </t>
    <phoneticPr fontId="3"/>
  </si>
  <si>
    <t xml:space="preserve">、方杖、あと施工アンカーM12共   </t>
    <phoneticPr fontId="3"/>
  </si>
  <si>
    <t>ステンレス製　W300xH5600　安全ガ</t>
    <phoneticPr fontId="3"/>
  </si>
  <si>
    <t>ードH3530、あと施工アンカーM12共</t>
    <phoneticPr fontId="3"/>
  </si>
  <si>
    <t xml:space="preserve">タラップ取付費  </t>
    <phoneticPr fontId="3"/>
  </si>
  <si>
    <t xml:space="preserve">上部+踊場+下部                  </t>
    <phoneticPr fontId="3"/>
  </si>
  <si>
    <t>建具改修（耐震改修）</t>
    <phoneticPr fontId="3"/>
  </si>
  <si>
    <t>撤去</t>
    <phoneticPr fontId="3"/>
  </si>
  <si>
    <t>ｱﾙﾐﾆｳﾑ製建具撤去</t>
    <phoneticPr fontId="3"/>
  </si>
  <si>
    <t xml:space="preserve">(寸法)                          </t>
    <phoneticPr fontId="3"/>
  </si>
  <si>
    <t xml:space="preserve">鋼製建具撤去    </t>
    <phoneticPr fontId="3"/>
  </si>
  <si>
    <t xml:space="preserve">ガラス撤去      </t>
    <phoneticPr fontId="3"/>
  </si>
  <si>
    <t xml:space="preserve">建具周囲はつり  </t>
    <phoneticPr fontId="3"/>
  </si>
  <si>
    <t xml:space="preserve">RC 15㎝ 集積共                  </t>
    <phoneticPr fontId="3"/>
  </si>
  <si>
    <t xml:space="preserve">51.7 </t>
    <phoneticPr fontId="3"/>
  </si>
  <si>
    <t xml:space="preserve">ｱﾙﾐﾆｳﾑ製建具    </t>
    <phoneticPr fontId="3"/>
  </si>
  <si>
    <t xml:space="preserve">AG-1　固定ガラ  </t>
    <phoneticPr fontId="3"/>
  </si>
  <si>
    <t xml:space="preserve">縦型　W985xH2460　開口率70%　ア </t>
    <phoneticPr fontId="3"/>
  </si>
  <si>
    <t xml:space="preserve">リ              </t>
    <phoneticPr fontId="3"/>
  </si>
  <si>
    <t xml:space="preserve">ルミ膳板、額縁、皿板共          </t>
    <phoneticPr fontId="3"/>
  </si>
  <si>
    <t xml:space="preserve">     小計</t>
    <phoneticPr fontId="3"/>
  </si>
  <si>
    <t xml:space="preserve">鋼製建具        </t>
    <phoneticPr fontId="3"/>
  </si>
  <si>
    <t>SD-101　片開き防</t>
    <phoneticPr fontId="3"/>
  </si>
  <si>
    <t xml:space="preserve">W820xH1800　グラスウール充填    </t>
    <phoneticPr fontId="3"/>
  </si>
  <si>
    <t xml:space="preserve">音ドア          </t>
    <phoneticPr fontId="3"/>
  </si>
  <si>
    <t>SD-102　両開きド</t>
    <phoneticPr fontId="3"/>
  </si>
  <si>
    <t xml:space="preserve">W1600xH2000                     </t>
    <phoneticPr fontId="3"/>
  </si>
  <si>
    <t xml:space="preserve">ア              </t>
    <phoneticPr fontId="3"/>
  </si>
  <si>
    <t xml:space="preserve">　　落下防止SUSチェーン共       </t>
    <phoneticPr fontId="3"/>
  </si>
  <si>
    <t xml:space="preserve">SF-103　開口枠  </t>
    <phoneticPr fontId="3"/>
  </si>
  <si>
    <t xml:space="preserve">W450xH450                       </t>
    <phoneticPr fontId="3"/>
  </si>
  <si>
    <t xml:space="preserve">その他          </t>
    <phoneticPr fontId="3"/>
  </si>
  <si>
    <t xml:space="preserve">建具周囲ｼｰﾘﾝｸﾞ  </t>
    <phoneticPr fontId="3"/>
  </si>
  <si>
    <t xml:space="preserve">種別，形状                      </t>
    <phoneticPr fontId="3"/>
  </si>
  <si>
    <t>建具廻りモルタル</t>
    <phoneticPr fontId="3"/>
  </si>
  <si>
    <t xml:space="preserve">充填            </t>
    <phoneticPr fontId="3"/>
  </si>
  <si>
    <t>内装改修</t>
    <phoneticPr fontId="3"/>
  </si>
  <si>
    <t xml:space="preserve">ｶｯﾀｰ入れ        </t>
    <phoneticPr fontId="3"/>
  </si>
  <si>
    <t xml:space="preserve">ｺﾝｸﾘｰﾄ面 厚さ20～30㎜           </t>
    <phoneticPr fontId="3"/>
  </si>
  <si>
    <t xml:space="preserve">104   </t>
    <phoneticPr fontId="3"/>
  </si>
  <si>
    <t xml:space="preserve">ﾓﾙﾀﾙ面   厚さ20～30㎜           </t>
    <phoneticPr fontId="3"/>
  </si>
  <si>
    <t xml:space="preserve">14.3 </t>
    <phoneticPr fontId="3"/>
  </si>
  <si>
    <t>床　無筋コンクリ</t>
    <phoneticPr fontId="3"/>
  </si>
  <si>
    <t xml:space="preserve">ート撤去        </t>
    <phoneticPr fontId="3"/>
  </si>
  <si>
    <t xml:space="preserve">0.2 </t>
    <phoneticPr fontId="3"/>
  </si>
  <si>
    <t>床　モルタル撤去</t>
    <phoneticPr fontId="3"/>
  </si>
  <si>
    <t xml:space="preserve">0.9 </t>
    <phoneticPr fontId="3"/>
  </si>
  <si>
    <t>壁　モルタル撤去</t>
    <phoneticPr fontId="3"/>
  </si>
  <si>
    <t xml:space="preserve">t20                             </t>
    <phoneticPr fontId="3"/>
  </si>
  <si>
    <t xml:space="preserve">16.3 </t>
    <phoneticPr fontId="3"/>
  </si>
  <si>
    <t xml:space="preserve">t30　H100                       </t>
    <phoneticPr fontId="3"/>
  </si>
  <si>
    <t xml:space="preserve">1.5 </t>
    <phoneticPr fontId="3"/>
  </si>
  <si>
    <t xml:space="preserve">t25　H100                       </t>
    <phoneticPr fontId="3"/>
  </si>
  <si>
    <t xml:space="preserve">3.8 </t>
    <phoneticPr fontId="3"/>
  </si>
  <si>
    <t>巾木　ソフト巾木</t>
    <phoneticPr fontId="3"/>
  </si>
  <si>
    <t xml:space="preserve">H200                            </t>
    <phoneticPr fontId="3"/>
  </si>
  <si>
    <t xml:space="preserve">撤去            </t>
    <phoneticPr fontId="3"/>
  </si>
  <si>
    <t>床　スチールプレ</t>
    <phoneticPr fontId="3"/>
  </si>
  <si>
    <t xml:space="preserve">t3.2                            </t>
    <phoneticPr fontId="3"/>
  </si>
  <si>
    <t xml:space="preserve">13.5 </t>
    <phoneticPr fontId="3"/>
  </si>
  <si>
    <t>床　下地鉄骨撤去</t>
    <phoneticPr fontId="3"/>
  </si>
  <si>
    <t>消音スペース　ア</t>
    <phoneticPr fontId="3"/>
  </si>
  <si>
    <t xml:space="preserve">L-50x50x6　ボルト共             </t>
    <phoneticPr fontId="3"/>
  </si>
  <si>
    <t xml:space="preserve">ングル撤去      </t>
    <phoneticPr fontId="3"/>
  </si>
  <si>
    <t xml:space="preserve">164   </t>
    <phoneticPr fontId="3"/>
  </si>
  <si>
    <t>壁グラスウール下</t>
    <phoneticPr fontId="3"/>
  </si>
  <si>
    <t xml:space="preserve">アルミ製　L-40x40x3             </t>
    <phoneticPr fontId="3"/>
  </si>
  <si>
    <t xml:space="preserve">端　見切縁撤去  </t>
    <phoneticPr fontId="3"/>
  </si>
  <si>
    <t>床　グラスウール</t>
    <phoneticPr fontId="3"/>
  </si>
  <si>
    <t xml:space="preserve">t50                             </t>
    <phoneticPr fontId="3"/>
  </si>
  <si>
    <t xml:space="preserve">貼り撤去        </t>
    <phoneticPr fontId="3"/>
  </si>
  <si>
    <t xml:space="preserve">25.5 </t>
    <phoneticPr fontId="3"/>
  </si>
  <si>
    <t>壁　アスベストラ</t>
    <phoneticPr fontId="3"/>
  </si>
  <si>
    <t xml:space="preserve">t6　アスベスト含有材            </t>
    <phoneticPr fontId="3"/>
  </si>
  <si>
    <t xml:space="preserve">ックス撤去      </t>
    <phoneticPr fontId="3"/>
  </si>
  <si>
    <t xml:space="preserve">50.6 </t>
    <phoneticPr fontId="3"/>
  </si>
  <si>
    <t>壁　石こうボード</t>
    <phoneticPr fontId="3"/>
  </si>
  <si>
    <t xml:space="preserve">t12                             </t>
    <phoneticPr fontId="3"/>
  </si>
  <si>
    <t xml:space="preserve">1.3 </t>
    <phoneticPr fontId="3"/>
  </si>
  <si>
    <t>壁　グラスウール</t>
    <phoneticPr fontId="3"/>
  </si>
  <si>
    <t xml:space="preserve">t50　金網共                     </t>
    <phoneticPr fontId="3"/>
  </si>
  <si>
    <t xml:space="preserve">182   </t>
    <phoneticPr fontId="3"/>
  </si>
  <si>
    <t>壁　サンドイッチ</t>
    <phoneticPr fontId="3"/>
  </si>
  <si>
    <t>t25(フレキt5+木毛板t15+フレキt5)</t>
    <phoneticPr fontId="3"/>
  </si>
  <si>
    <t xml:space="preserve">パネル撤去      </t>
    <phoneticPr fontId="3"/>
  </si>
  <si>
    <t xml:space="preserve">48.8 </t>
    <phoneticPr fontId="3"/>
  </si>
  <si>
    <t>間仕切　サンドイ</t>
    <phoneticPr fontId="3"/>
  </si>
  <si>
    <t xml:space="preserve">ッチパネル撤去  </t>
    <phoneticPr fontId="3"/>
  </si>
  <si>
    <t xml:space="preserve">52.3 </t>
    <phoneticPr fontId="3"/>
  </si>
  <si>
    <t>天井　アスベスト</t>
    <phoneticPr fontId="3"/>
  </si>
  <si>
    <t xml:space="preserve">t6                              </t>
    <phoneticPr fontId="3"/>
  </si>
  <si>
    <t xml:space="preserve">ラックス撤去    </t>
    <phoneticPr fontId="3"/>
  </si>
  <si>
    <t xml:space="preserve">27.2 </t>
    <phoneticPr fontId="3"/>
  </si>
  <si>
    <t>天井　グラスウー</t>
    <phoneticPr fontId="3"/>
  </si>
  <si>
    <t xml:space="preserve">ル貼り撤去      </t>
    <phoneticPr fontId="3"/>
  </si>
  <si>
    <t xml:space="preserve">42.8 </t>
    <phoneticPr fontId="3"/>
  </si>
  <si>
    <t xml:space="preserve">間仕切り撤去    </t>
    <phoneticPr fontId="3"/>
  </si>
  <si>
    <t xml:space="preserve">木製　W90                       </t>
    <phoneticPr fontId="3"/>
  </si>
  <si>
    <t xml:space="preserve">1.2 </t>
    <phoneticPr fontId="3"/>
  </si>
  <si>
    <t xml:space="preserve">LGS　W100                       </t>
    <phoneticPr fontId="3"/>
  </si>
  <si>
    <t xml:space="preserve">0.6 </t>
    <phoneticPr fontId="3"/>
  </si>
  <si>
    <t>ステンレスタラッ</t>
    <phoneticPr fontId="3"/>
  </si>
  <si>
    <t xml:space="preserve">W300                            </t>
    <phoneticPr fontId="3"/>
  </si>
  <si>
    <t xml:space="preserve">プ撤去          </t>
    <phoneticPr fontId="3"/>
  </si>
  <si>
    <t xml:space="preserve">8   </t>
    <phoneticPr fontId="3"/>
  </si>
  <si>
    <t>本</t>
    <phoneticPr fontId="3"/>
  </si>
  <si>
    <t>湯沸　吊戸棚取外</t>
    <phoneticPr fontId="3"/>
  </si>
  <si>
    <t xml:space="preserve">し              </t>
    <phoneticPr fontId="3"/>
  </si>
  <si>
    <t>湯沸　流し台取外</t>
    <phoneticPr fontId="3"/>
  </si>
  <si>
    <t xml:space="preserve">水返し共                        </t>
    <phoneticPr fontId="3"/>
  </si>
  <si>
    <t xml:space="preserve">ｼｰﾘﾝｸﾞ          </t>
    <phoneticPr fontId="3"/>
  </si>
  <si>
    <t xml:space="preserve">一般部 ﾎﾟﾘｳﾚﾀﾝ系(PU-2)          </t>
    <phoneticPr fontId="3"/>
  </si>
  <si>
    <t xml:space="preserve">25×10                          </t>
    <phoneticPr fontId="3"/>
  </si>
  <si>
    <t xml:space="preserve">34.9 </t>
    <phoneticPr fontId="3"/>
  </si>
  <si>
    <t xml:space="preserve">階段滑り止め    </t>
    <phoneticPr fontId="3"/>
  </si>
  <si>
    <t xml:space="preserve">ｽﾃﾝﾚｽ製 ｴﾝﾄﾞ無し   幅35         </t>
    <phoneticPr fontId="3"/>
  </si>
  <si>
    <t xml:space="preserve">1.1 </t>
    <phoneticPr fontId="3"/>
  </si>
  <si>
    <t xml:space="preserve">軽量鉄骨壁下地  </t>
    <phoneticPr fontId="3"/>
  </si>
  <si>
    <t xml:space="preserve"> 90形 下地張りなし @300         </t>
    <phoneticPr fontId="3"/>
  </si>
  <si>
    <t xml:space="preserve">100形 下地張りあり @450         </t>
    <phoneticPr fontId="3"/>
  </si>
  <si>
    <t xml:space="preserve">端　見切縁      </t>
    <phoneticPr fontId="3"/>
  </si>
  <si>
    <t xml:space="preserve">壁　見切縁      </t>
    <phoneticPr fontId="3"/>
  </si>
  <si>
    <t xml:space="preserve">アルミ製　既製品                </t>
    <phoneticPr fontId="3"/>
  </si>
  <si>
    <t xml:space="preserve">9.1 </t>
    <phoneticPr fontId="3"/>
  </si>
  <si>
    <t xml:space="preserve">ングル          </t>
    <phoneticPr fontId="3"/>
  </si>
  <si>
    <t xml:space="preserve">151   </t>
    <phoneticPr fontId="3"/>
  </si>
  <si>
    <t>天井ホールインア</t>
    <phoneticPr fontId="3"/>
  </si>
  <si>
    <t xml:space="preserve">金属系φ13                      </t>
    <phoneticPr fontId="3"/>
  </si>
  <si>
    <t xml:space="preserve">ンカー          </t>
    <phoneticPr fontId="3"/>
  </si>
  <si>
    <t xml:space="preserve">21   </t>
    <phoneticPr fontId="3"/>
  </si>
  <si>
    <t xml:space="preserve">床ｺﾝｸﾘｰﾄ直均し  </t>
    <phoneticPr fontId="3"/>
  </si>
  <si>
    <t xml:space="preserve">金ごて 直均し仕上げ             </t>
    <phoneticPr fontId="3"/>
  </si>
  <si>
    <t xml:space="preserve">仕上げ          </t>
    <phoneticPr fontId="3"/>
  </si>
  <si>
    <t xml:space="preserve">床ﾓﾙﾀﾙ塗り      </t>
    <phoneticPr fontId="3"/>
  </si>
  <si>
    <t xml:space="preserve">金ごて ﾓﾙﾀﾙ仕上げ     厚30      </t>
    <phoneticPr fontId="3"/>
  </si>
  <si>
    <t>防水板廻り　モル</t>
    <phoneticPr fontId="3"/>
  </si>
  <si>
    <t xml:space="preserve">t80                             </t>
    <phoneticPr fontId="3"/>
  </si>
  <si>
    <t xml:space="preserve">タル塗り        </t>
    <phoneticPr fontId="3"/>
  </si>
  <si>
    <t>巾木　モルタル塗</t>
    <phoneticPr fontId="3"/>
  </si>
  <si>
    <t xml:space="preserve">り              </t>
    <phoneticPr fontId="3"/>
  </si>
  <si>
    <t xml:space="preserve">貼り            </t>
    <phoneticPr fontId="3"/>
  </si>
  <si>
    <t xml:space="preserve">11.7 </t>
    <phoneticPr fontId="3"/>
  </si>
  <si>
    <t xml:space="preserve">壁              </t>
    <phoneticPr fontId="3"/>
  </si>
  <si>
    <t xml:space="preserve">厚12.5   不燃                   </t>
    <phoneticPr fontId="3"/>
  </si>
  <si>
    <t xml:space="preserve">せっこうﾎﾞｰﾄﾞ   </t>
    <phoneticPr fontId="3"/>
  </si>
  <si>
    <t xml:space="preserve">鋼製､木､ﾎﾞｰﾄﾞ下地 突付け        </t>
    <phoneticPr fontId="3"/>
  </si>
  <si>
    <t xml:space="preserve">66.9 </t>
    <phoneticPr fontId="3"/>
  </si>
  <si>
    <t xml:space="preserve">張り(GB-R)      </t>
    <phoneticPr fontId="3"/>
  </si>
  <si>
    <t xml:space="preserve">－            －                </t>
    <phoneticPr fontId="3"/>
  </si>
  <si>
    <t xml:space="preserve">下張GB-R      厚12.5共          </t>
    <phoneticPr fontId="3"/>
  </si>
  <si>
    <t xml:space="preserve">壁　けい酸      </t>
    <phoneticPr fontId="3"/>
  </si>
  <si>
    <t xml:space="preserve">ﾀｲﾌﾟ2(ﾉﾝｱｽ)0.8FK 厚 6           </t>
    <phoneticPr fontId="3"/>
  </si>
  <si>
    <t xml:space="preserve">ｶﾙｼｳﾑ板張り     </t>
    <phoneticPr fontId="3"/>
  </si>
  <si>
    <t xml:space="preserve">50.8 </t>
    <phoneticPr fontId="3"/>
  </si>
  <si>
    <t xml:space="preserve">壁 　グラスウ   </t>
    <phoneticPr fontId="3"/>
  </si>
  <si>
    <t xml:space="preserve">ール貼り        </t>
    <phoneticPr fontId="3"/>
  </si>
  <si>
    <t xml:space="preserve">217   </t>
    <phoneticPr fontId="3"/>
  </si>
  <si>
    <t xml:space="preserve">天井　けい酸    </t>
    <phoneticPr fontId="3"/>
  </si>
  <si>
    <t xml:space="preserve">突付け                          </t>
    <phoneticPr fontId="3"/>
  </si>
  <si>
    <t xml:space="preserve">13.9 </t>
    <phoneticPr fontId="3"/>
  </si>
  <si>
    <t xml:space="preserve">天井 　グラスウ </t>
    <phoneticPr fontId="3"/>
  </si>
  <si>
    <t xml:space="preserve">29.5 </t>
    <phoneticPr fontId="3"/>
  </si>
  <si>
    <t>機械室　アルミ製</t>
    <phoneticPr fontId="3"/>
  </si>
  <si>
    <t>W3770×H310　止水高300　側枠・把</t>
    <phoneticPr fontId="3"/>
  </si>
  <si>
    <t xml:space="preserve">脱着式防水板    </t>
    <phoneticPr fontId="3"/>
  </si>
  <si>
    <t xml:space="preserve">手共                            </t>
    <phoneticPr fontId="3"/>
  </si>
  <si>
    <t xml:space="preserve">ﾀﾗｯﾌﾟ(足掛)     </t>
    <phoneticPr fontId="3"/>
  </si>
  <si>
    <t xml:space="preserve">ｽﾃﾝﾚｽ製 8-31-1                  </t>
    <phoneticPr fontId="3"/>
  </si>
  <si>
    <t xml:space="preserve">10   </t>
    <phoneticPr fontId="3"/>
  </si>
  <si>
    <t>給気消音スペース</t>
    <phoneticPr fontId="3"/>
  </si>
  <si>
    <t xml:space="preserve">t4.5　XG-11                     </t>
    <phoneticPr fontId="3"/>
  </si>
  <si>
    <t>床　エキスパンド</t>
    <phoneticPr fontId="3"/>
  </si>
  <si>
    <t xml:space="preserve">7.4 </t>
    <phoneticPr fontId="3"/>
  </si>
  <si>
    <t xml:space="preserve">メタル          </t>
    <phoneticPr fontId="3"/>
  </si>
  <si>
    <t xml:space="preserve">□-50x50x1.6　L-50x50x6(L=100)  </t>
    <phoneticPr fontId="3"/>
  </si>
  <si>
    <t xml:space="preserve">メタル下地      </t>
    <phoneticPr fontId="3"/>
  </si>
  <si>
    <t>湯沸　吊戸棚再設</t>
    <phoneticPr fontId="3"/>
  </si>
  <si>
    <t xml:space="preserve">置              </t>
    <phoneticPr fontId="3"/>
  </si>
  <si>
    <t>湯沸　流し台再設</t>
    <phoneticPr fontId="3"/>
  </si>
  <si>
    <t>塗装改修</t>
    <phoneticPr fontId="3"/>
  </si>
  <si>
    <t xml:space="preserve">SOP塗           </t>
    <phoneticPr fontId="3"/>
  </si>
  <si>
    <t xml:space="preserve">鋼製建具面　さび止め共          </t>
    <phoneticPr fontId="3"/>
  </si>
  <si>
    <t xml:space="preserve">8.5 </t>
    <phoneticPr fontId="3"/>
  </si>
  <si>
    <t xml:space="preserve">DP塗            </t>
    <phoneticPr fontId="3"/>
  </si>
  <si>
    <t xml:space="preserve">1級　鋼製建具面　さび止め共     </t>
    <phoneticPr fontId="3"/>
  </si>
  <si>
    <t xml:space="preserve">4.3 </t>
    <phoneticPr fontId="3"/>
  </si>
  <si>
    <t xml:space="preserve">ＥＰ－Ｇ塗り    </t>
    <phoneticPr fontId="3"/>
  </si>
  <si>
    <t xml:space="preserve">ｺﾝｸﾘｰﾄ面         工程B種(一般)  </t>
    <phoneticPr fontId="3"/>
  </si>
  <si>
    <t xml:space="preserve">素地B種                         </t>
    <phoneticPr fontId="3"/>
  </si>
  <si>
    <t xml:space="preserve">15.1 </t>
    <phoneticPr fontId="3"/>
  </si>
  <si>
    <t xml:space="preserve">ﾓﾙﾀﾙ面           工程B種(一般)  </t>
    <phoneticPr fontId="3"/>
  </si>
  <si>
    <t xml:space="preserve">1.8 </t>
    <phoneticPr fontId="3"/>
  </si>
  <si>
    <t xml:space="preserve">けい酸ｶﾙｼｳﾑ板面  工程B種(一般)  </t>
    <phoneticPr fontId="3"/>
  </si>
  <si>
    <t xml:space="preserve">1.9 </t>
    <phoneticPr fontId="3"/>
  </si>
  <si>
    <t xml:space="preserve">ﾎﾞｰﾄﾞ面          工程B種(一般)  </t>
    <phoneticPr fontId="3"/>
  </si>
  <si>
    <t xml:space="preserve">50.1 </t>
    <phoneticPr fontId="3"/>
  </si>
  <si>
    <t>耐震（躯体）改修</t>
    <phoneticPr fontId="3"/>
  </si>
  <si>
    <t xml:space="preserve">鉄筋            </t>
    <phoneticPr fontId="3"/>
  </si>
  <si>
    <t xml:space="preserve">鉄筋ｺﾝｸﾘｰﾄ用    </t>
    <phoneticPr fontId="3"/>
  </si>
  <si>
    <t xml:space="preserve">JIS G3112 SD295A D10 少量       </t>
    <phoneticPr fontId="3"/>
  </si>
  <si>
    <t xml:space="preserve">異形棒鋼        </t>
    <phoneticPr fontId="3"/>
  </si>
  <si>
    <t xml:space="preserve">0.3 </t>
    <phoneticPr fontId="3"/>
  </si>
  <si>
    <t>ｔ</t>
    <phoneticPr fontId="3"/>
  </si>
  <si>
    <t xml:space="preserve">JIS G3112 SD295A D13 少量       </t>
    <phoneticPr fontId="3"/>
  </si>
  <si>
    <t xml:space="preserve">JIS G3112 SD295A D16            </t>
    <phoneticPr fontId="3"/>
  </si>
  <si>
    <t xml:space="preserve">0.1 </t>
    <phoneticPr fontId="3"/>
  </si>
  <si>
    <t xml:space="preserve">鉄筋加工組立    </t>
    <phoneticPr fontId="3"/>
  </si>
  <si>
    <t xml:space="preserve">耐震改修用                      </t>
    <phoneticPr fontId="3"/>
  </si>
  <si>
    <t xml:space="preserve">－                 －           </t>
    <phoneticPr fontId="3"/>
  </si>
  <si>
    <t xml:space="preserve">0.5 </t>
    <phoneticPr fontId="3"/>
  </si>
  <si>
    <t xml:space="preserve">スパイラル筋    </t>
    <phoneticPr fontId="3"/>
  </si>
  <si>
    <t xml:space="preserve">φ6径75＠50                     </t>
    <phoneticPr fontId="3"/>
  </si>
  <si>
    <t xml:space="preserve">17.9 </t>
    <phoneticPr fontId="3"/>
  </si>
  <si>
    <t xml:space="preserve">鉄筋溶接        </t>
    <phoneticPr fontId="3"/>
  </si>
  <si>
    <t xml:space="preserve">フレア溶接　片面10d             </t>
    <phoneticPr fontId="3"/>
  </si>
  <si>
    <t xml:space="preserve">160   </t>
    <phoneticPr fontId="3"/>
  </si>
  <si>
    <t xml:space="preserve">鉄筋運搬費      </t>
    <phoneticPr fontId="3"/>
  </si>
  <si>
    <t xml:space="preserve">4ｔ車  30㎞程度                 </t>
    <phoneticPr fontId="3"/>
  </si>
  <si>
    <t>あと施工アンカー</t>
    <phoneticPr fontId="3"/>
  </si>
  <si>
    <t xml:space="preserve">接着系　D13　横向き　35d+Le130  </t>
    <phoneticPr fontId="3"/>
  </si>
  <si>
    <t xml:space="preserve">16   </t>
    <phoneticPr fontId="3"/>
  </si>
  <si>
    <t xml:space="preserve">接着系　D16　下向き　35d+Le120  </t>
    <phoneticPr fontId="3"/>
  </si>
  <si>
    <t xml:space="preserve">19   </t>
    <phoneticPr fontId="3"/>
  </si>
  <si>
    <t xml:space="preserve">接着系　D16　横向き　35d+Le120  </t>
    <phoneticPr fontId="3"/>
  </si>
  <si>
    <t xml:space="preserve">20   </t>
    <phoneticPr fontId="3"/>
  </si>
  <si>
    <t xml:space="preserve">接着系　D16　上向き　35d+Le120  </t>
    <phoneticPr fontId="3"/>
  </si>
  <si>
    <t xml:space="preserve">39   </t>
    <phoneticPr fontId="3"/>
  </si>
  <si>
    <t xml:space="preserve">接着系　D16　下向き　35d+Le160  </t>
    <phoneticPr fontId="3"/>
  </si>
  <si>
    <t xml:space="preserve">12   </t>
    <phoneticPr fontId="3"/>
  </si>
  <si>
    <t>ずれ止めアンカー</t>
    <phoneticPr fontId="3"/>
  </si>
  <si>
    <t xml:space="preserve">接着系　D13　横向き　300+Le100  </t>
    <phoneticPr fontId="3"/>
  </si>
  <si>
    <t xml:space="preserve">158   </t>
    <phoneticPr fontId="3"/>
  </si>
  <si>
    <t xml:space="preserve">コンクリート    </t>
    <phoneticPr fontId="3"/>
  </si>
  <si>
    <t xml:space="preserve">普通ｺﾝｸﾘｰﾄ      </t>
    <phoneticPr fontId="3"/>
  </si>
  <si>
    <t xml:space="preserve">JIS A5308   FC=21      S18      </t>
    <phoneticPr fontId="3"/>
  </si>
  <si>
    <t xml:space="preserve">粗骨材20                        </t>
    <phoneticPr fontId="3"/>
  </si>
  <si>
    <t xml:space="preserve">8.2 </t>
    <phoneticPr fontId="3"/>
  </si>
  <si>
    <t xml:space="preserve">JIS A5308   FC=18      S15      </t>
    <phoneticPr fontId="3"/>
  </si>
  <si>
    <t xml:space="preserve">ｺﾝｸﾘｰﾄ打設手間  </t>
    <phoneticPr fontId="3"/>
  </si>
  <si>
    <t xml:space="preserve">構造体強度補正  </t>
    <phoneticPr fontId="3"/>
  </si>
  <si>
    <t xml:space="preserve">グラウト材注入  </t>
    <phoneticPr fontId="3"/>
  </si>
  <si>
    <t xml:space="preserve">材工共                          </t>
    <phoneticPr fontId="3"/>
  </si>
  <si>
    <t xml:space="preserve">目あらし        </t>
    <phoneticPr fontId="3"/>
  </si>
  <si>
    <t xml:space="preserve">ｺﾝｸﾘｰﾄ面 壁                     </t>
    <phoneticPr fontId="3"/>
  </si>
  <si>
    <t xml:space="preserve">10.9 </t>
    <phoneticPr fontId="3"/>
  </si>
  <si>
    <t xml:space="preserve">型枠            </t>
    <phoneticPr fontId="3"/>
  </si>
  <si>
    <t xml:space="preserve">打放合板型枠B種                 </t>
    <phoneticPr fontId="3"/>
  </si>
  <si>
    <t xml:space="preserve">耐震改修用         地上軸部     </t>
    <phoneticPr fontId="3"/>
  </si>
  <si>
    <t xml:space="preserve">15.9 </t>
    <phoneticPr fontId="3"/>
  </si>
  <si>
    <t xml:space="preserve">－                              </t>
    <phoneticPr fontId="3"/>
  </si>
  <si>
    <t xml:space="preserve">壁式構造           地上軸部     </t>
    <phoneticPr fontId="3"/>
  </si>
  <si>
    <t xml:space="preserve">65.7 </t>
    <phoneticPr fontId="3"/>
  </si>
  <si>
    <t xml:space="preserve">階高2.8m程度                    </t>
    <phoneticPr fontId="3"/>
  </si>
  <si>
    <t xml:space="preserve">小型構造物用型枠                </t>
    <phoneticPr fontId="3"/>
  </si>
  <si>
    <t xml:space="preserve">擁壁、囲障の基礎等 －           </t>
    <phoneticPr fontId="3"/>
  </si>
  <si>
    <t xml:space="preserve">型枠運搬費      </t>
    <phoneticPr fontId="3"/>
  </si>
  <si>
    <t xml:space="preserve">4ｔ車  30㎞程度 往復            </t>
    <phoneticPr fontId="3"/>
  </si>
  <si>
    <t xml:space="preserve">81.8 </t>
    <phoneticPr fontId="3"/>
  </si>
  <si>
    <t>無収縮モルタル用</t>
    <phoneticPr fontId="3"/>
  </si>
  <si>
    <t xml:space="preserve">H200　両面                      </t>
    <phoneticPr fontId="3"/>
  </si>
  <si>
    <t xml:space="preserve">15.2 </t>
    <phoneticPr fontId="3"/>
  </si>
  <si>
    <t xml:space="preserve">打放し面補修    </t>
    <phoneticPr fontId="3"/>
  </si>
  <si>
    <t xml:space="preserve">B 種 ｺｰﾝ処理   部分目違いばらい </t>
    <phoneticPr fontId="3"/>
  </si>
  <si>
    <t xml:space="preserve">65.9 </t>
    <phoneticPr fontId="3"/>
  </si>
  <si>
    <t>直接仮設（外壁・防水改修）</t>
    <phoneticPr fontId="3"/>
  </si>
  <si>
    <t>整理清掃後片付け</t>
    <phoneticPr fontId="3"/>
  </si>
  <si>
    <t xml:space="preserve">外部足場        </t>
    <phoneticPr fontId="3"/>
  </si>
  <si>
    <t xml:space="preserve">災害防止        </t>
    <phoneticPr fontId="3"/>
  </si>
  <si>
    <t xml:space="preserve">仮設材運搬      </t>
    <phoneticPr fontId="3"/>
  </si>
  <si>
    <t>防水改修</t>
    <phoneticPr fontId="3"/>
  </si>
  <si>
    <t xml:space="preserve">外部防水        </t>
    <phoneticPr fontId="3"/>
  </si>
  <si>
    <t>ルーフドレン撤去</t>
    <phoneticPr fontId="3"/>
  </si>
  <si>
    <t xml:space="preserve">4   </t>
    <phoneticPr fontId="3"/>
  </si>
  <si>
    <t xml:space="preserve">34.3 </t>
    <phoneticPr fontId="3"/>
  </si>
  <si>
    <t>既存伸縮目地撤去</t>
    <phoneticPr fontId="3"/>
  </si>
  <si>
    <t xml:space="preserve">169   </t>
    <phoneticPr fontId="3"/>
  </si>
  <si>
    <t xml:space="preserve">既存下地処理    </t>
    <phoneticPr fontId="3"/>
  </si>
  <si>
    <t>水洗い、下地調整、アスファルト成</t>
    <phoneticPr fontId="3"/>
  </si>
  <si>
    <t xml:space="preserve">形板敷共                        </t>
    <phoneticPr fontId="3"/>
  </si>
  <si>
    <t xml:space="preserve">塗膜防水        </t>
    <phoneticPr fontId="3"/>
  </si>
  <si>
    <t xml:space="preserve">平場X-1                         </t>
    <phoneticPr fontId="3"/>
  </si>
  <si>
    <t xml:space="preserve">190   </t>
    <phoneticPr fontId="3"/>
  </si>
  <si>
    <t xml:space="preserve">立上りX-2                       </t>
    <phoneticPr fontId="3"/>
  </si>
  <si>
    <t xml:space="preserve">81   </t>
    <phoneticPr fontId="3"/>
  </si>
  <si>
    <t>伸縮目地　アルミ</t>
    <phoneticPr fontId="3"/>
  </si>
  <si>
    <t xml:space="preserve">製目地キャップ  </t>
    <phoneticPr fontId="3"/>
  </si>
  <si>
    <t xml:space="preserve">改修用ドレン    </t>
    <phoneticPr fontId="3"/>
  </si>
  <si>
    <t xml:space="preserve">SUS製脱気装置   </t>
    <phoneticPr fontId="3"/>
  </si>
  <si>
    <t xml:space="preserve">3   </t>
    <phoneticPr fontId="3"/>
  </si>
  <si>
    <t>外壁改修（外壁・防水改修）</t>
    <phoneticPr fontId="3"/>
  </si>
  <si>
    <t xml:space="preserve">施工数量調査    </t>
    <phoneticPr fontId="3"/>
  </si>
  <si>
    <t xml:space="preserve">目視，打診等の別                </t>
    <phoneticPr fontId="3"/>
  </si>
  <si>
    <t xml:space="preserve">外壁高圧水洗    </t>
    <phoneticPr fontId="3"/>
  </si>
  <si>
    <t xml:space="preserve">全面除去                        </t>
    <phoneticPr fontId="3"/>
  </si>
  <si>
    <t xml:space="preserve">603   </t>
    <phoneticPr fontId="3"/>
  </si>
  <si>
    <t xml:space="preserve">ひび割れ補修    </t>
    <phoneticPr fontId="3"/>
  </si>
  <si>
    <t xml:space="preserve">Uカットシーリング材充填工法     </t>
    <phoneticPr fontId="3"/>
  </si>
  <si>
    <t>廃材処分・スクラップ費　細目別内訳</t>
    <phoneticPr fontId="3"/>
  </si>
  <si>
    <t>運搬</t>
    <phoneticPr fontId="3"/>
  </si>
  <si>
    <t xml:space="preserve">発生材積込み    </t>
    <phoneticPr fontId="3"/>
  </si>
  <si>
    <t xml:space="preserve">種類、積込み方法                </t>
    <phoneticPr fontId="3"/>
  </si>
  <si>
    <t xml:space="preserve">発生材運搬      </t>
    <phoneticPr fontId="3"/>
  </si>
  <si>
    <t xml:space="preserve">ｺﾝｸﾘｰﾄ                          </t>
    <phoneticPr fontId="3"/>
  </si>
  <si>
    <t xml:space="preserve">運搬車の種別                    </t>
    <phoneticPr fontId="3"/>
  </si>
  <si>
    <t xml:space="preserve">運搬距離                        </t>
    <phoneticPr fontId="3"/>
  </si>
  <si>
    <t xml:space="preserve">特別管理産業廃棄物              </t>
    <phoneticPr fontId="3"/>
  </si>
  <si>
    <t xml:space="preserve">上記以外の発生材の種別          </t>
    <phoneticPr fontId="3"/>
  </si>
  <si>
    <t>処分</t>
    <phoneticPr fontId="3"/>
  </si>
  <si>
    <t xml:space="preserve">発生材処分      </t>
    <phoneticPr fontId="3"/>
  </si>
  <si>
    <t xml:space="preserve">処分費(運搬車の種別)            </t>
    <phoneticPr fontId="3"/>
  </si>
  <si>
    <t xml:space="preserve">処分費                          </t>
    <phoneticPr fontId="3"/>
  </si>
  <si>
    <t xml:space="preserve">(運搬車の種別）                 </t>
    <phoneticPr fontId="3"/>
  </si>
  <si>
    <t xml:space="preserve">金属                            </t>
    <phoneticPr fontId="3"/>
  </si>
  <si>
    <t xml:space="preserve">(運搬車の種別)                  </t>
    <phoneticPr fontId="3"/>
  </si>
  <si>
    <t xml:space="preserve">2   </t>
    <phoneticPr fontId="3"/>
  </si>
  <si>
    <t>共通仮設費(積上)　明細</t>
    <phoneticPr fontId="3"/>
  </si>
  <si>
    <t xml:space="preserve">誘導員          </t>
    <phoneticPr fontId="3"/>
  </si>
  <si>
    <t>工事費内訳</t>
    <phoneticPr fontId="3"/>
  </si>
  <si>
    <t>名　　　　　　　　　　称</t>
    <phoneticPr fontId="2"/>
  </si>
  <si>
    <t>単位</t>
    <phoneticPr fontId="2"/>
  </si>
  <si>
    <t>金　　　　　額</t>
    <phoneticPr fontId="2"/>
  </si>
  <si>
    <t>備　　　考</t>
    <phoneticPr fontId="2"/>
  </si>
  <si>
    <t xml:space="preserve">直接工事費      </t>
    <phoneticPr fontId="3"/>
  </si>
  <si>
    <t xml:space="preserve">機械設備工事    </t>
    <phoneticPr fontId="3"/>
  </si>
  <si>
    <t xml:space="preserve">1   </t>
    <phoneticPr fontId="3"/>
  </si>
  <si>
    <t>式</t>
    <phoneticPr fontId="3"/>
  </si>
  <si>
    <t>計</t>
    <phoneticPr fontId="3"/>
  </si>
  <si>
    <t>工事種別内訳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  <phoneticPr fontId="2"/>
  </si>
  <si>
    <t xml:space="preserve">機械設備工事    </t>
    <phoneticPr fontId="3"/>
  </si>
  <si>
    <t xml:space="preserve">1   </t>
    <phoneticPr fontId="3"/>
  </si>
  <si>
    <t>式</t>
    <phoneticPr fontId="3"/>
  </si>
  <si>
    <t>廃材処分・スクラップ費</t>
    <phoneticPr fontId="3"/>
  </si>
  <si>
    <t xml:space="preserve">1   </t>
    <phoneticPr fontId="3"/>
  </si>
  <si>
    <t>式</t>
    <phoneticPr fontId="3"/>
  </si>
  <si>
    <t>計</t>
    <phoneticPr fontId="3"/>
  </si>
  <si>
    <t>機械設備工事　種目別内訳</t>
    <phoneticPr fontId="3"/>
  </si>
  <si>
    <t>耐震補強工事に伴う建築機械設備工</t>
    <phoneticPr fontId="3"/>
  </si>
  <si>
    <t xml:space="preserve">事              </t>
    <phoneticPr fontId="3"/>
  </si>
  <si>
    <t>計</t>
    <phoneticPr fontId="3"/>
  </si>
  <si>
    <t>廃材処分・スクラップ費　種目別内訳</t>
    <phoneticPr fontId="3"/>
  </si>
  <si>
    <t>廃材処分・スクラップ費</t>
    <phoneticPr fontId="3"/>
  </si>
  <si>
    <t>機械設備工事　科目別内訳</t>
    <phoneticPr fontId="3"/>
  </si>
  <si>
    <t>耐震補強工事に伴う建築機械設備工事</t>
    <phoneticPr fontId="3"/>
  </si>
  <si>
    <t xml:space="preserve">空気調和設備    </t>
    <phoneticPr fontId="3"/>
  </si>
  <si>
    <t xml:space="preserve">換気設備        </t>
    <phoneticPr fontId="3"/>
  </si>
  <si>
    <t xml:space="preserve">衛生器具設備    </t>
    <phoneticPr fontId="3"/>
  </si>
  <si>
    <t xml:space="preserve">給水設備        </t>
    <phoneticPr fontId="3"/>
  </si>
  <si>
    <t xml:space="preserve">排水設備        </t>
    <phoneticPr fontId="3"/>
  </si>
  <si>
    <t>機械設備工事　中科目別内訳</t>
    <phoneticPr fontId="3"/>
  </si>
  <si>
    <t>耐震補強工事に伴う建築機械設備工事</t>
    <phoneticPr fontId="3"/>
  </si>
  <si>
    <t>科　目　名　称</t>
    <phoneticPr fontId="2"/>
  </si>
  <si>
    <t>中　科　目　名　称</t>
    <phoneticPr fontId="2"/>
  </si>
  <si>
    <t>数　量</t>
    <phoneticPr fontId="2"/>
  </si>
  <si>
    <t>単位</t>
    <phoneticPr fontId="2"/>
  </si>
  <si>
    <t>金　　　　額</t>
    <phoneticPr fontId="2"/>
  </si>
  <si>
    <t>備　　　考</t>
    <phoneticPr fontId="2"/>
  </si>
  <si>
    <t xml:space="preserve">空気調和設備    </t>
    <phoneticPr fontId="3"/>
  </si>
  <si>
    <t xml:space="preserve">機器設備        </t>
    <phoneticPr fontId="3"/>
  </si>
  <si>
    <t>式</t>
    <phoneticPr fontId="3"/>
  </si>
  <si>
    <t xml:space="preserve">配管設備        </t>
    <phoneticPr fontId="3"/>
  </si>
  <si>
    <t>計</t>
    <phoneticPr fontId="3"/>
  </si>
  <si>
    <t xml:space="preserve">換気設備        </t>
    <phoneticPr fontId="3"/>
  </si>
  <si>
    <t xml:space="preserve">ダクト設備      </t>
    <phoneticPr fontId="3"/>
  </si>
  <si>
    <t xml:space="preserve">衛生器具設備    </t>
    <phoneticPr fontId="3"/>
  </si>
  <si>
    <t xml:space="preserve">給水設備        </t>
    <phoneticPr fontId="3"/>
  </si>
  <si>
    <t xml:space="preserve">排水設備        </t>
    <phoneticPr fontId="3"/>
  </si>
  <si>
    <t>廃材処分・スクラップ費　中科目別内訳</t>
    <phoneticPr fontId="3"/>
  </si>
  <si>
    <t>廃材処分・スクラップ費</t>
    <phoneticPr fontId="3"/>
  </si>
  <si>
    <t>機械設備工事　細目別内訳</t>
    <phoneticPr fontId="3"/>
  </si>
  <si>
    <t>耐震補強工事に伴う建築機械設備工事</t>
    <phoneticPr fontId="3"/>
  </si>
  <si>
    <t>空気調和設備</t>
    <phoneticPr fontId="3"/>
  </si>
  <si>
    <t>機器設備</t>
    <phoneticPr fontId="3"/>
  </si>
  <si>
    <t>名　　　称</t>
    <phoneticPr fontId="2"/>
  </si>
  <si>
    <t>摘　　　　要</t>
    <phoneticPr fontId="2"/>
  </si>
  <si>
    <t>数　量</t>
    <phoneticPr fontId="2"/>
  </si>
  <si>
    <t>単  価</t>
    <phoneticPr fontId="2"/>
  </si>
  <si>
    <t>金　　　　額</t>
    <phoneticPr fontId="2"/>
  </si>
  <si>
    <t>備　　　考</t>
    <phoneticPr fontId="2"/>
  </si>
  <si>
    <t xml:space="preserve">取外し再取付け  </t>
    <phoneticPr fontId="3"/>
  </si>
  <si>
    <t>機改</t>
    <phoneticPr fontId="3"/>
  </si>
  <si>
    <t xml:space="preserve">空調室外機架台  </t>
    <phoneticPr fontId="3"/>
  </si>
  <si>
    <t>機械設備工事　細目別内訳</t>
    <phoneticPr fontId="3"/>
  </si>
  <si>
    <t>耐震補強工事に伴う建築機械設備工事</t>
    <phoneticPr fontId="3"/>
  </si>
  <si>
    <t>空気調和設備</t>
    <phoneticPr fontId="3"/>
  </si>
  <si>
    <t>配管設備</t>
    <phoneticPr fontId="3"/>
  </si>
  <si>
    <t>名　　　称</t>
    <phoneticPr fontId="2"/>
  </si>
  <si>
    <t>摘　　　　要</t>
    <phoneticPr fontId="2"/>
  </si>
  <si>
    <t>数　量</t>
    <phoneticPr fontId="2"/>
  </si>
  <si>
    <t>単位</t>
    <phoneticPr fontId="2"/>
  </si>
  <si>
    <t xml:space="preserve">冷媒管          </t>
    <phoneticPr fontId="3"/>
  </si>
  <si>
    <t xml:space="preserve">ドレン管        </t>
    <phoneticPr fontId="3"/>
  </si>
  <si>
    <t xml:space="preserve">保温            </t>
    <phoneticPr fontId="3"/>
  </si>
  <si>
    <t xml:space="preserve">制御配線        </t>
    <phoneticPr fontId="3"/>
  </si>
  <si>
    <t xml:space="preserve">撤去工事        </t>
    <phoneticPr fontId="3"/>
  </si>
  <si>
    <t>換気設備</t>
    <phoneticPr fontId="3"/>
  </si>
  <si>
    <t>機器設備</t>
    <phoneticPr fontId="3"/>
  </si>
  <si>
    <t>ｴﾙﾎﾞｻｲﾚﾝｻｰ（吸音</t>
    <phoneticPr fontId="3"/>
  </si>
  <si>
    <t xml:space="preserve">S-1　900W×900W×2700           </t>
    <phoneticPr fontId="3"/>
  </si>
  <si>
    <t xml:space="preserve">ボックス）      </t>
    <phoneticPr fontId="3"/>
  </si>
  <si>
    <t>台</t>
    <phoneticPr fontId="3"/>
  </si>
  <si>
    <t xml:space="preserve">ﾊﾟｲﾌﾟﾌｧﾝ        </t>
    <phoneticPr fontId="3"/>
  </si>
  <si>
    <t>F-2　角型格子ｸﾞﾘﾙ　100φ×80m3/h</t>
    <phoneticPr fontId="3"/>
  </si>
  <si>
    <t xml:space="preserve">×5Pa　SUSベンドキャップ×2     </t>
    <phoneticPr fontId="3"/>
  </si>
  <si>
    <t xml:space="preserve">全熱交換器      </t>
    <phoneticPr fontId="3"/>
  </si>
  <si>
    <t xml:space="preserve">HEX1　壁掛2ﾊﾟｲﾌﾟ　75φ×60m3/h  </t>
    <phoneticPr fontId="3"/>
  </si>
  <si>
    <t xml:space="preserve">×0Pa　SUSベンドキャップ×2     </t>
    <phoneticPr fontId="3"/>
  </si>
  <si>
    <t xml:space="preserve">搬入費          </t>
    <phoneticPr fontId="3"/>
  </si>
  <si>
    <t>ダクト設備</t>
    <phoneticPr fontId="3"/>
  </si>
  <si>
    <t xml:space="preserve">矩形ダクト      </t>
    <phoneticPr fontId="3"/>
  </si>
  <si>
    <t xml:space="preserve">支持架台        </t>
    <phoneticPr fontId="3"/>
  </si>
  <si>
    <t xml:space="preserve">はつり補修費    </t>
    <phoneticPr fontId="3"/>
  </si>
  <si>
    <t>衛生器具設備</t>
    <phoneticPr fontId="3"/>
  </si>
  <si>
    <t>衛生器具取外し再</t>
    <phoneticPr fontId="3"/>
  </si>
  <si>
    <t xml:space="preserve">取付            </t>
    <phoneticPr fontId="3"/>
  </si>
  <si>
    <t>給水設備</t>
    <phoneticPr fontId="3"/>
  </si>
  <si>
    <t xml:space="preserve">給水管          </t>
    <phoneticPr fontId="3"/>
  </si>
  <si>
    <t>式</t>
    <phoneticPr fontId="3"/>
  </si>
  <si>
    <t xml:space="preserve">保温            </t>
    <phoneticPr fontId="3"/>
  </si>
  <si>
    <t>機改</t>
    <phoneticPr fontId="3"/>
  </si>
  <si>
    <t xml:space="preserve">1   </t>
    <phoneticPr fontId="3"/>
  </si>
  <si>
    <t xml:space="preserve">配管切断接続    </t>
    <phoneticPr fontId="3"/>
  </si>
  <si>
    <t xml:space="preserve">撤去工事        </t>
    <phoneticPr fontId="3"/>
  </si>
  <si>
    <t>計</t>
    <phoneticPr fontId="3"/>
  </si>
  <si>
    <t>機械設備工事　細目別内訳</t>
    <phoneticPr fontId="3"/>
  </si>
  <si>
    <t>耐震補強工事に伴う建築機械設備工事</t>
    <phoneticPr fontId="3"/>
  </si>
  <si>
    <t>排水設備</t>
    <phoneticPr fontId="3"/>
  </si>
  <si>
    <t>名　　　称</t>
    <phoneticPr fontId="2"/>
  </si>
  <si>
    <t>摘　　　　要</t>
    <phoneticPr fontId="2"/>
  </si>
  <si>
    <t>数　量</t>
    <phoneticPr fontId="2"/>
  </si>
  <si>
    <t>単位</t>
    <phoneticPr fontId="2"/>
  </si>
  <si>
    <t>単  価</t>
    <phoneticPr fontId="2"/>
  </si>
  <si>
    <t>金　　　　額</t>
    <phoneticPr fontId="2"/>
  </si>
  <si>
    <t>備　　　考</t>
    <phoneticPr fontId="2"/>
  </si>
  <si>
    <t>廃材処分・スクラップ費　細目別内訳</t>
    <phoneticPr fontId="3"/>
  </si>
  <si>
    <t>廃材処分・スクラップ費</t>
    <phoneticPr fontId="3"/>
  </si>
  <si>
    <t>機器設備</t>
    <phoneticPr fontId="3"/>
  </si>
  <si>
    <t xml:space="preserve">スクラップ      </t>
    <phoneticPr fontId="3"/>
  </si>
  <si>
    <t>機発</t>
    <phoneticPr fontId="3"/>
  </si>
  <si>
    <t xml:space="preserve">発生材処分費    </t>
    <phoneticPr fontId="3"/>
  </si>
  <si>
    <t xml:space="preserve">6   </t>
    <phoneticPr fontId="3"/>
  </si>
  <si>
    <t xml:space="preserve">7   </t>
    <phoneticPr fontId="3"/>
  </si>
  <si>
    <t>個</t>
    <phoneticPr fontId="3"/>
  </si>
  <si>
    <t>工事費内訳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  <phoneticPr fontId="2"/>
  </si>
  <si>
    <t xml:space="preserve">直接工事費      </t>
    <phoneticPr fontId="3"/>
  </si>
  <si>
    <t xml:space="preserve">電気設備工事    </t>
    <phoneticPr fontId="3"/>
  </si>
  <si>
    <t xml:space="preserve">1   </t>
    <phoneticPr fontId="3"/>
  </si>
  <si>
    <t>式</t>
    <phoneticPr fontId="3"/>
  </si>
  <si>
    <t>計</t>
    <phoneticPr fontId="3"/>
  </si>
  <si>
    <t>工事種別内訳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  <phoneticPr fontId="2"/>
  </si>
  <si>
    <t xml:space="preserve">電気設備工事    </t>
    <phoneticPr fontId="3"/>
  </si>
  <si>
    <t xml:space="preserve">1   </t>
    <phoneticPr fontId="3"/>
  </si>
  <si>
    <t>式</t>
    <phoneticPr fontId="3"/>
  </si>
  <si>
    <t>廃材処分・スクラップ費</t>
    <phoneticPr fontId="3"/>
  </si>
  <si>
    <t>計</t>
    <phoneticPr fontId="3"/>
  </si>
  <si>
    <t>電気設備工事　種目別内訳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  <phoneticPr fontId="2"/>
  </si>
  <si>
    <t xml:space="preserve">１号ポンプ棟    </t>
    <phoneticPr fontId="3"/>
  </si>
  <si>
    <t xml:space="preserve">1   </t>
    <phoneticPr fontId="3"/>
  </si>
  <si>
    <t>式</t>
    <phoneticPr fontId="3"/>
  </si>
  <si>
    <t>計</t>
    <phoneticPr fontId="3"/>
  </si>
  <si>
    <t>廃材処分・スクラップ費　種目別内訳</t>
    <phoneticPr fontId="3"/>
  </si>
  <si>
    <t>廃材処分・スクラップ費</t>
    <phoneticPr fontId="3"/>
  </si>
  <si>
    <t>電気設備工事　科目別内訳</t>
    <phoneticPr fontId="3"/>
  </si>
  <si>
    <t>１号ポンプ棟</t>
    <phoneticPr fontId="3"/>
  </si>
  <si>
    <t>１号ポンプ棟</t>
    <phoneticPr fontId="3"/>
  </si>
  <si>
    <t>名　　　　　　　　　　称</t>
    <phoneticPr fontId="2"/>
  </si>
  <si>
    <t>数　　量</t>
    <phoneticPr fontId="2"/>
  </si>
  <si>
    <t>単位</t>
    <phoneticPr fontId="2"/>
  </si>
  <si>
    <t>金　　　　　額</t>
    <phoneticPr fontId="2"/>
  </si>
  <si>
    <t>備　　　考</t>
    <phoneticPr fontId="2"/>
  </si>
  <si>
    <t xml:space="preserve">電灯設備        </t>
    <phoneticPr fontId="3"/>
  </si>
  <si>
    <t xml:space="preserve">1   </t>
    <phoneticPr fontId="3"/>
  </si>
  <si>
    <t>式</t>
    <phoneticPr fontId="3"/>
  </si>
  <si>
    <t xml:space="preserve">動力設備        </t>
    <phoneticPr fontId="3"/>
  </si>
  <si>
    <t xml:space="preserve">雷保護設備      </t>
    <phoneticPr fontId="3"/>
  </si>
  <si>
    <t xml:space="preserve">火災報知設備    </t>
    <phoneticPr fontId="3"/>
  </si>
  <si>
    <t>計</t>
    <phoneticPr fontId="3"/>
  </si>
  <si>
    <t>廃材処分・スクラップ費　科目別内訳</t>
    <phoneticPr fontId="3"/>
  </si>
  <si>
    <t>廃材処分・スクラップ費</t>
    <phoneticPr fontId="3"/>
  </si>
  <si>
    <t xml:space="preserve">発生材処理      </t>
    <phoneticPr fontId="3"/>
  </si>
  <si>
    <t>電気設備工事　中科目別内訳</t>
    <phoneticPr fontId="3"/>
  </si>
  <si>
    <t>１号ポンプ棟</t>
    <phoneticPr fontId="3"/>
  </si>
  <si>
    <t>科　目　名　称</t>
    <phoneticPr fontId="2"/>
  </si>
  <si>
    <t>中　科　目　名　称</t>
    <phoneticPr fontId="2"/>
  </si>
  <si>
    <t>数　量</t>
    <phoneticPr fontId="2"/>
  </si>
  <si>
    <t>単位</t>
    <phoneticPr fontId="2"/>
  </si>
  <si>
    <t>金　　　　額</t>
    <phoneticPr fontId="2"/>
  </si>
  <si>
    <t>備　　　考</t>
    <phoneticPr fontId="2"/>
  </si>
  <si>
    <t xml:space="preserve">電灯設備        </t>
    <phoneticPr fontId="3"/>
  </si>
  <si>
    <t xml:space="preserve">電灯分岐        </t>
    <phoneticPr fontId="3"/>
  </si>
  <si>
    <t xml:space="preserve">1   </t>
    <phoneticPr fontId="3"/>
  </si>
  <si>
    <t>式</t>
    <phoneticPr fontId="3"/>
  </si>
  <si>
    <t>計</t>
    <phoneticPr fontId="3"/>
  </si>
  <si>
    <t xml:space="preserve">動力設備        </t>
    <phoneticPr fontId="3"/>
  </si>
  <si>
    <t xml:space="preserve">動力分岐        </t>
    <phoneticPr fontId="3"/>
  </si>
  <si>
    <t xml:space="preserve">雷保護設備      </t>
    <phoneticPr fontId="3"/>
  </si>
  <si>
    <t xml:space="preserve">火災報知設備    </t>
    <phoneticPr fontId="3"/>
  </si>
  <si>
    <t xml:space="preserve">自動火災報知    </t>
    <phoneticPr fontId="3"/>
  </si>
  <si>
    <t>廃材処分・スクラップ費　中科目別内訳</t>
    <phoneticPr fontId="3"/>
  </si>
  <si>
    <t>廃材処分・スクラップ費</t>
    <phoneticPr fontId="3"/>
  </si>
  <si>
    <t xml:space="preserve">発生材処理      </t>
    <phoneticPr fontId="3"/>
  </si>
  <si>
    <t>電気設備工事　細目別内訳</t>
    <phoneticPr fontId="3"/>
  </si>
  <si>
    <t>電灯設備</t>
    <phoneticPr fontId="3"/>
  </si>
  <si>
    <t>電灯分岐</t>
    <phoneticPr fontId="3"/>
  </si>
  <si>
    <t xml:space="preserve">電線            </t>
    <phoneticPr fontId="3"/>
  </si>
  <si>
    <t xml:space="preserve">ケーブル        </t>
    <phoneticPr fontId="3"/>
  </si>
  <si>
    <t xml:space="preserve">電線管          </t>
    <phoneticPr fontId="3"/>
  </si>
  <si>
    <t xml:space="preserve">ボックス類      </t>
    <phoneticPr fontId="3"/>
  </si>
  <si>
    <t xml:space="preserve">配線器具        </t>
    <phoneticPr fontId="3"/>
  </si>
  <si>
    <t xml:space="preserve">再取付          </t>
    <phoneticPr fontId="3"/>
  </si>
  <si>
    <t>動力設備</t>
    <phoneticPr fontId="3"/>
  </si>
  <si>
    <t>動力分岐</t>
    <phoneticPr fontId="3"/>
  </si>
  <si>
    <t>雷保護設備</t>
    <phoneticPr fontId="3"/>
  </si>
  <si>
    <t>火災報知設備</t>
    <phoneticPr fontId="3"/>
  </si>
  <si>
    <t>自動火災報知</t>
    <phoneticPr fontId="3"/>
  </si>
  <si>
    <t>発生材処理</t>
    <phoneticPr fontId="3"/>
  </si>
  <si>
    <t xml:space="preserve">スクラップ費    </t>
    <phoneticPr fontId="3"/>
  </si>
  <si>
    <t xml:space="preserve">廃材処分費      </t>
    <phoneticPr fontId="3"/>
  </si>
  <si>
    <t>電気設備工事　別紙明細</t>
    <phoneticPr fontId="3"/>
  </si>
  <si>
    <t>600V耐燃性ﾎﾟﾘｴﾁﾚ</t>
    <phoneticPr fontId="3"/>
  </si>
  <si>
    <t xml:space="preserve">2.0㎜                           </t>
    <phoneticPr fontId="3"/>
  </si>
  <si>
    <t>ﾝ絶縁電線(EM-IE)</t>
    <phoneticPr fontId="3"/>
  </si>
  <si>
    <t xml:space="preserve">42   </t>
    <phoneticPr fontId="3"/>
  </si>
  <si>
    <t xml:space="preserve">(基準単価)      </t>
    <phoneticPr fontId="3"/>
  </si>
  <si>
    <t xml:space="preserve">EM-EEFｹｰﾌﾞﾙ     </t>
    <phoneticPr fontId="3"/>
  </si>
  <si>
    <t xml:space="preserve">1.6㎜- 2C ころがし              </t>
    <phoneticPr fontId="3"/>
  </si>
  <si>
    <t xml:space="preserve">VVFケーブル入   </t>
    <phoneticPr fontId="3"/>
  </si>
  <si>
    <t xml:space="preserve">2.0㎜-3C　管内                  </t>
    <phoneticPr fontId="3"/>
  </si>
  <si>
    <t xml:space="preserve">線費            </t>
    <phoneticPr fontId="3"/>
  </si>
  <si>
    <t xml:space="preserve">ねじなし電線管  </t>
    <phoneticPr fontId="3"/>
  </si>
  <si>
    <t xml:space="preserve">隠ぺい・埋込配管 19㎜           </t>
    <phoneticPr fontId="3"/>
  </si>
  <si>
    <t xml:space="preserve">(E)             </t>
    <phoneticPr fontId="3"/>
  </si>
  <si>
    <t xml:space="preserve">露出配管         19㎜           </t>
    <phoneticPr fontId="3"/>
  </si>
  <si>
    <t xml:space="preserve">15   </t>
    <phoneticPr fontId="3"/>
  </si>
  <si>
    <t xml:space="preserve">露出配管(塗装有) 25㎜           </t>
    <phoneticPr fontId="3"/>
  </si>
  <si>
    <t xml:space="preserve">金属製          </t>
    <phoneticPr fontId="3"/>
  </si>
  <si>
    <t xml:space="preserve">中四角 浅型 D44                 </t>
    <phoneticPr fontId="3"/>
  </si>
  <si>
    <t xml:space="preserve">ｱｳﾄﾚｯﾄﾎﾞｯｸｽ     </t>
    <phoneticPr fontId="3"/>
  </si>
  <si>
    <t xml:space="preserve">(ｶﾊﾞｰ付)ﾎﾞﾝﾄﾞ共 </t>
    <phoneticPr fontId="3"/>
  </si>
  <si>
    <t xml:space="preserve">露出ｽｲｯﾁﾎﾞｯｸｽ   </t>
    <phoneticPr fontId="3"/>
  </si>
  <si>
    <t xml:space="preserve">19(E19,16) 1個用1方出           </t>
    <phoneticPr fontId="3"/>
  </si>
  <si>
    <t xml:space="preserve">丸形露出ﾎﾞｯｸｽ   </t>
    <phoneticPr fontId="3"/>
  </si>
  <si>
    <t xml:space="preserve">19(E19,16) 3方出                </t>
    <phoneticPr fontId="3"/>
  </si>
  <si>
    <t xml:space="preserve">ﾀﾝﾌﾞﾗｽｲｯﾁ       </t>
    <phoneticPr fontId="3"/>
  </si>
  <si>
    <t xml:space="preserve">1P 15A ×1    ﾈｰﾑ無             </t>
    <phoneticPr fontId="3"/>
  </si>
  <si>
    <t xml:space="preserve">(金属ﾌﾟﾚｰﾄ付)   </t>
    <phoneticPr fontId="3"/>
  </si>
  <si>
    <t xml:space="preserve">-             -                 </t>
    <phoneticPr fontId="3"/>
  </si>
  <si>
    <t xml:space="preserve">ｺﾝｾﾝﾄ           </t>
    <phoneticPr fontId="3"/>
  </si>
  <si>
    <t xml:space="preserve">連用形2P15A×1 125V             </t>
    <phoneticPr fontId="3"/>
  </si>
  <si>
    <t xml:space="preserve">ﾌﾗｯｼｭﾌﾟﾚｰﾄ      </t>
    <phoneticPr fontId="3"/>
  </si>
  <si>
    <t xml:space="preserve">丸型 ﾌﾞﾗﾝｸ                      </t>
    <phoneticPr fontId="3"/>
  </si>
  <si>
    <t xml:space="preserve">(金属製)        </t>
    <phoneticPr fontId="3"/>
  </si>
  <si>
    <t xml:space="preserve">ブランクチップ  </t>
    <phoneticPr fontId="3"/>
  </si>
  <si>
    <t xml:space="preserve">蛍光灯Ｂ取付費  </t>
    <phoneticPr fontId="3"/>
  </si>
  <si>
    <t xml:space="preserve">FL40W×2(直付)コーナー灯        </t>
    <phoneticPr fontId="3"/>
  </si>
  <si>
    <t xml:space="preserve">蛍光灯Ｃ取付費  </t>
    <phoneticPr fontId="3"/>
  </si>
  <si>
    <t xml:space="preserve">FL40W×1(直付)片反射            </t>
    <phoneticPr fontId="3"/>
  </si>
  <si>
    <t xml:space="preserve">白熱灯Ｄ取付費  </t>
    <phoneticPr fontId="3"/>
  </si>
  <si>
    <t xml:space="preserve">シーリングライト                </t>
    <phoneticPr fontId="3"/>
  </si>
  <si>
    <t xml:space="preserve">600V絶縁電線    </t>
    <phoneticPr fontId="3"/>
  </si>
  <si>
    <t xml:space="preserve">2.0㎜  × 1本 再使用しない      </t>
    <phoneticPr fontId="3"/>
  </si>
  <si>
    <t xml:space="preserve">48   </t>
    <phoneticPr fontId="3"/>
  </si>
  <si>
    <t xml:space="preserve">600V絶縁ｹｰﾌﾞﾙ   </t>
    <phoneticPr fontId="3"/>
  </si>
  <si>
    <t xml:space="preserve">2.0㎜- 3C 管内                  </t>
    <phoneticPr fontId="3"/>
  </si>
  <si>
    <t xml:space="preserve">再使用しない                    </t>
    <phoneticPr fontId="3"/>
  </si>
  <si>
    <t xml:space="preserve">10   </t>
    <phoneticPr fontId="3"/>
  </si>
  <si>
    <t xml:space="preserve">薄鋼電線管      </t>
    <phoneticPr fontId="3"/>
  </si>
  <si>
    <t xml:space="preserve"> (C19) 再使用しない             </t>
    <phoneticPr fontId="3"/>
  </si>
  <si>
    <t xml:space="preserve">12   </t>
    <phoneticPr fontId="3"/>
  </si>
  <si>
    <t xml:space="preserve"> (C25) 再使用しない             </t>
    <phoneticPr fontId="3"/>
  </si>
  <si>
    <t xml:space="preserve"> (E19) 再使用しない             </t>
    <phoneticPr fontId="3"/>
  </si>
  <si>
    <t xml:space="preserve">19   </t>
    <phoneticPr fontId="3"/>
  </si>
  <si>
    <t xml:space="preserve">位置ﾎﾞｯｸｽ　撤去 </t>
    <phoneticPr fontId="3"/>
  </si>
  <si>
    <t>埋込スイッチ撤去</t>
    <phoneticPr fontId="3"/>
  </si>
  <si>
    <t xml:space="preserve">1P15A×1　金属ﾌﾟﾚｰﾄ付           </t>
    <phoneticPr fontId="3"/>
  </si>
  <si>
    <t xml:space="preserve">1P15A×1のみ                    </t>
    <phoneticPr fontId="3"/>
  </si>
  <si>
    <t>埋込コンセント撤</t>
    <phoneticPr fontId="3"/>
  </si>
  <si>
    <t xml:space="preserve">2P15A×1　金属ﾌﾟﾚｰﾄ付           </t>
    <phoneticPr fontId="3"/>
  </si>
  <si>
    <t xml:space="preserve">蛍光灯　撤去    </t>
    <phoneticPr fontId="3"/>
  </si>
  <si>
    <t xml:space="preserve">露出形   FL 20W  ×1            </t>
    <phoneticPr fontId="3"/>
  </si>
  <si>
    <t xml:space="preserve">再利用しない                    </t>
    <phoneticPr fontId="3"/>
  </si>
  <si>
    <t xml:space="preserve">取外し          </t>
    <phoneticPr fontId="3"/>
  </si>
  <si>
    <t xml:space="preserve">再使用する                      </t>
    <phoneticPr fontId="3"/>
  </si>
  <si>
    <t xml:space="preserve">蛍光灯　取外し  </t>
    <phoneticPr fontId="3"/>
  </si>
  <si>
    <t xml:space="preserve">露出形   FL 40W  ×2            </t>
    <phoneticPr fontId="3"/>
  </si>
  <si>
    <t xml:space="preserve">再利用する                      </t>
    <phoneticPr fontId="3"/>
  </si>
  <si>
    <t xml:space="preserve">露出形   FL 40W  ×1            </t>
    <phoneticPr fontId="3"/>
  </si>
  <si>
    <t xml:space="preserve">白熱灯器具      </t>
    <phoneticPr fontId="3"/>
  </si>
  <si>
    <t xml:space="preserve">ｼｰﾘﾝｸﾞﾗｲﾄ    再利用する         </t>
    <phoneticPr fontId="3"/>
  </si>
  <si>
    <t xml:space="preserve">EM-CEｹｰﾌﾞﾙ      </t>
    <phoneticPr fontId="3"/>
  </si>
  <si>
    <t xml:space="preserve">  2mm2- 4C 管内                 </t>
    <phoneticPr fontId="3"/>
  </si>
  <si>
    <t xml:space="preserve">  2mm2- 4C ﾋﾟｯﾄ・天井           </t>
    <phoneticPr fontId="3"/>
  </si>
  <si>
    <t xml:space="preserve">硬質ﾋﾞﾆﾙ電線管  </t>
    <phoneticPr fontId="3"/>
  </si>
  <si>
    <t xml:space="preserve">露出配管         22㎜           </t>
    <phoneticPr fontId="3"/>
  </si>
  <si>
    <t xml:space="preserve">(VE)            </t>
    <phoneticPr fontId="3"/>
  </si>
  <si>
    <t xml:space="preserve">EEFケーブル撤去 </t>
    <phoneticPr fontId="3"/>
  </si>
  <si>
    <t xml:space="preserve">1.6㎜-4C　管内                  </t>
    <phoneticPr fontId="3"/>
  </si>
  <si>
    <t xml:space="preserve">1.6㎜-4C　ころがし              </t>
    <phoneticPr fontId="3"/>
  </si>
  <si>
    <t xml:space="preserve"> (VE22,HIVE22) 再使用しない     </t>
    <phoneticPr fontId="3"/>
  </si>
  <si>
    <t xml:space="preserve">避雷針取付費    </t>
    <phoneticPr fontId="3"/>
  </si>
  <si>
    <t xml:space="preserve">突針.支持管6m 壁取付金物3箇所   </t>
    <phoneticPr fontId="3"/>
  </si>
  <si>
    <t>基</t>
    <phoneticPr fontId="3"/>
  </si>
  <si>
    <t xml:space="preserve">避雷導線撤去    </t>
    <phoneticPr fontId="3"/>
  </si>
  <si>
    <t xml:space="preserve">2.0㎜×13　露出                 </t>
    <phoneticPr fontId="3"/>
  </si>
  <si>
    <t xml:space="preserve">避雷針取外し費  </t>
    <phoneticPr fontId="3"/>
  </si>
  <si>
    <t xml:space="preserve">露出配管(塗装有) 31㎜           </t>
    <phoneticPr fontId="3"/>
  </si>
  <si>
    <t>ＨＰケーブル入線</t>
    <phoneticPr fontId="3"/>
  </si>
  <si>
    <t xml:space="preserve">0.9㎜-5P　管内                  </t>
    <phoneticPr fontId="3"/>
  </si>
  <si>
    <t xml:space="preserve">費              </t>
    <phoneticPr fontId="3"/>
  </si>
  <si>
    <t>ＣＶＶケーブル入</t>
    <phoneticPr fontId="3"/>
  </si>
  <si>
    <t xml:space="preserve">1.25㎜2-6C　管内                </t>
    <phoneticPr fontId="3"/>
  </si>
  <si>
    <t>火災受信機取付費</t>
    <phoneticPr fontId="3"/>
  </si>
  <si>
    <t xml:space="preserve">Ｐ－１－５                      </t>
    <phoneticPr fontId="3"/>
  </si>
  <si>
    <t>面</t>
    <phoneticPr fontId="3"/>
  </si>
  <si>
    <t xml:space="preserve"> (C31) 再使用しない             </t>
    <phoneticPr fontId="3"/>
  </si>
  <si>
    <t>ＨＰケーブル取外</t>
    <phoneticPr fontId="3"/>
  </si>
  <si>
    <t xml:space="preserve">し費            </t>
    <phoneticPr fontId="3"/>
  </si>
  <si>
    <t>ＣＶＶケーブル取</t>
    <phoneticPr fontId="3"/>
  </si>
  <si>
    <t xml:space="preserve">外し費          </t>
    <phoneticPr fontId="3"/>
  </si>
  <si>
    <t>火災受信機取外し</t>
    <phoneticPr fontId="3"/>
  </si>
  <si>
    <t>令和</t>
    <rPh sb="0" eb="1">
      <t>レイ</t>
    </rPh>
    <rPh sb="1" eb="2">
      <t>ワ</t>
    </rPh>
    <phoneticPr fontId="2"/>
  </si>
  <si>
    <t>元</t>
    <rPh sb="0" eb="1">
      <t>ガン</t>
    </rPh>
    <phoneticPr fontId="12"/>
  </si>
  <si>
    <t>年度</t>
    <rPh sb="0" eb="2">
      <t>ネンド</t>
    </rPh>
    <phoneticPr fontId="2"/>
  </si>
  <si>
    <t>第      号</t>
    <phoneticPr fontId="2"/>
  </si>
  <si>
    <t>工  事  設  計  書</t>
    <phoneticPr fontId="2"/>
  </si>
  <si>
    <t>四日市市上下水道局</t>
    <rPh sb="4" eb="6">
      <t>ジョウゲ</t>
    </rPh>
    <rPh sb="6" eb="9">
      <t>スイドウキョク</t>
    </rPh>
    <phoneticPr fontId="2"/>
  </si>
  <si>
    <t xml:space="preserve"> </t>
  </si>
  <si>
    <t>審査　　令和 　  　年   　　月   　　日</t>
    <rPh sb="0" eb="2">
      <t>シンサ</t>
    </rPh>
    <rPh sb="4" eb="5">
      <t>レイ</t>
    </rPh>
    <rPh sb="5" eb="6">
      <t>ワ</t>
    </rPh>
    <phoneticPr fontId="2"/>
  </si>
  <si>
    <t>施 工 地 名</t>
    <phoneticPr fontId="2"/>
  </si>
  <si>
    <t>四日市市　富田浜町　地内</t>
    <rPh sb="0" eb="3">
      <t>ヨッカイチシ</t>
    </rPh>
    <rPh sb="3" eb="4">
      <t>シ</t>
    </rPh>
    <rPh sb="5" eb="7">
      <t>トミダ</t>
    </rPh>
    <rPh sb="7" eb="8">
      <t>ハマ</t>
    </rPh>
    <rPh sb="8" eb="9">
      <t>マチ</t>
    </rPh>
    <rPh sb="10" eb="11">
      <t>ナイ</t>
    </rPh>
    <phoneticPr fontId="12"/>
  </si>
  <si>
    <t>課長</t>
  </si>
  <si>
    <t>副参事兼</t>
    <rPh sb="0" eb="3">
      <t>フクサンジ</t>
    </rPh>
    <rPh sb="3" eb="4">
      <t>ケン</t>
    </rPh>
    <phoneticPr fontId="2"/>
  </si>
  <si>
    <t>係長</t>
    <rPh sb="0" eb="2">
      <t>カカリチョウ</t>
    </rPh>
    <phoneticPr fontId="2"/>
  </si>
  <si>
    <t>課長補佐</t>
    <rPh sb="0" eb="2">
      <t>カチョウ</t>
    </rPh>
    <rPh sb="2" eb="4">
      <t>ホサ</t>
    </rPh>
    <phoneticPr fontId="12"/>
  </si>
  <si>
    <t>工       種</t>
    <phoneticPr fontId="2"/>
  </si>
  <si>
    <t>茂福ポンプ場耐震補強工事</t>
    <rPh sb="0" eb="2">
      <t>モチブク</t>
    </rPh>
    <rPh sb="4" eb="5">
      <t>ジョウ</t>
    </rPh>
    <rPh sb="5" eb="7">
      <t>タイシン</t>
    </rPh>
    <rPh sb="7" eb="9">
      <t>ホキョウ</t>
    </rPh>
    <rPh sb="9" eb="11">
      <t>コウジ</t>
    </rPh>
    <phoneticPr fontId="12"/>
  </si>
  <si>
    <t>係</t>
    <rPh sb="0" eb="1">
      <t>カカリ</t>
    </rPh>
    <phoneticPr fontId="2"/>
  </si>
  <si>
    <t>工　事　費</t>
    <rPh sb="0" eb="1">
      <t>コウ</t>
    </rPh>
    <rPh sb="2" eb="3">
      <t>コト</t>
    </rPh>
    <rPh sb="4" eb="5">
      <t>ヒ</t>
    </rPh>
    <phoneticPr fontId="2"/>
  </si>
  <si>
    <t>.-</t>
    <phoneticPr fontId="2"/>
  </si>
  <si>
    <t>設計　　令和 　  　年   　　月   　　日</t>
    <rPh sb="4" eb="5">
      <t>レイ</t>
    </rPh>
    <rPh sb="5" eb="6">
      <t>ワ</t>
    </rPh>
    <phoneticPr fontId="2"/>
  </si>
  <si>
    <t>設計</t>
    <phoneticPr fontId="2"/>
  </si>
  <si>
    <t>検算</t>
    <phoneticPr fontId="2"/>
  </si>
  <si>
    <t>工       期</t>
    <phoneticPr fontId="2"/>
  </si>
  <si>
    <t>契約の日から</t>
    <rPh sb="0" eb="2">
      <t>ケイヤク</t>
    </rPh>
    <rPh sb="3" eb="4">
      <t>ヒ</t>
    </rPh>
    <phoneticPr fontId="2"/>
  </si>
  <si>
    <t>まで</t>
    <phoneticPr fontId="2"/>
  </si>
  <si>
    <t>工　　　事　　　概　　　要</t>
    <rPh sb="8" eb="9">
      <t>ガイヨウ</t>
    </rPh>
    <phoneticPr fontId="2"/>
  </si>
  <si>
    <t>起　　　工　　　理　　　由</t>
    <phoneticPr fontId="2"/>
  </si>
  <si>
    <t>茂福ポンプ場　１号棟</t>
    <rPh sb="0" eb="2">
      <t>モチブク</t>
    </rPh>
    <rPh sb="5" eb="6">
      <t>バ</t>
    </rPh>
    <rPh sb="8" eb="9">
      <t>ゴウ</t>
    </rPh>
    <rPh sb="9" eb="10">
      <t>トウ</t>
    </rPh>
    <phoneticPr fontId="12"/>
  </si>
  <si>
    <t>令和元年度公共下水道事業</t>
    <rPh sb="0" eb="1">
      <t>レイ</t>
    </rPh>
    <rPh sb="1" eb="2">
      <t>ワ</t>
    </rPh>
    <rPh sb="2" eb="3">
      <t>ガン</t>
    </rPh>
    <rPh sb="3" eb="5">
      <t>ネンド</t>
    </rPh>
    <rPh sb="5" eb="7">
      <t>コウキョウ</t>
    </rPh>
    <rPh sb="7" eb="10">
      <t>ゲスイドウ</t>
    </rPh>
    <rPh sb="10" eb="12">
      <t>ジギョウ</t>
    </rPh>
    <phoneticPr fontId="2"/>
  </si>
  <si>
    <t>　</t>
    <phoneticPr fontId="2"/>
  </si>
  <si>
    <t>・耐震補強工事　一式</t>
    <rPh sb="1" eb="3">
      <t>タイシン</t>
    </rPh>
    <rPh sb="3" eb="5">
      <t>ホキョウ</t>
    </rPh>
    <rPh sb="5" eb="7">
      <t>コウジ</t>
    </rPh>
    <phoneticPr fontId="12"/>
  </si>
  <si>
    <t>・屋上防水工事　一式</t>
    <rPh sb="1" eb="3">
      <t>オクジョウ</t>
    </rPh>
    <rPh sb="3" eb="5">
      <t>ボウスイ</t>
    </rPh>
    <rPh sb="5" eb="7">
      <t>コウジ</t>
    </rPh>
    <rPh sb="8" eb="10">
      <t>イッシキ</t>
    </rPh>
    <phoneticPr fontId="12"/>
  </si>
  <si>
    <t>・外壁改修工事　一式</t>
    <rPh sb="1" eb="3">
      <t>ガイヘキ</t>
    </rPh>
    <rPh sb="3" eb="5">
      <t>カイシュウ</t>
    </rPh>
    <rPh sb="5" eb="7">
      <t>コウジ</t>
    </rPh>
    <rPh sb="8" eb="10">
      <t>イッシキ</t>
    </rPh>
    <phoneticPr fontId="12"/>
  </si>
  <si>
    <t>・上記に伴う、建築機械設備工事　一式</t>
    <phoneticPr fontId="12"/>
  </si>
  <si>
    <t>・上記に伴う、建築電気設備工事　一式</t>
    <phoneticPr fontId="12"/>
  </si>
  <si>
    <t>　設　計　書　用　紙</t>
    <phoneticPr fontId="2"/>
  </si>
  <si>
    <t>四日市市上下水道局　</t>
    <rPh sb="3" eb="4">
      <t>シ</t>
    </rPh>
    <rPh sb="4" eb="6">
      <t>ジョウゲ</t>
    </rPh>
    <rPh sb="6" eb="9">
      <t>スイドウキョ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4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43" formatCode="_ * #,##0.00_ ;_ * \-#,##0.00_ ;_ * &quot;-&quot;??_ ;_ @_ "/>
    <numFmt numFmtId="176" formatCode="#,##0;&quot;▲ &quot;#,##0"/>
    <numFmt numFmtId="177" formatCode="#,##0;&quot;▲&quot;#,##0"/>
    <numFmt numFmtId="178" formatCode="#,##0.00;&quot;▲&quot;#,##0.00"/>
    <numFmt numFmtId="179" formatCode="[$-411]ggg\ \ e&quot;年&quot;\ \ m&quot;月&quot;\ \ d&quot;日&quot;"/>
    <numFmt numFmtId="180" formatCode="#,##0;&quot;¥&quot;\!\-#,##0;&quot;-&quot;"/>
    <numFmt numFmtId="181" formatCode="#,000.0"/>
    <numFmt numFmtId="182" formatCode="#,##0.0"/>
    <numFmt numFmtId="183" formatCode="&quot;$&quot;#,##0_);[Red]\(&quot;$&quot;#,##0\)"/>
    <numFmt numFmtId="184" formatCode="&quot;$&quot;#,##0.00_);[Red]\(&quot;$&quot;#,##0.00\)"/>
    <numFmt numFmtId="185" formatCode="_(&quot;$&quot;* #,##0_);_(&quot;$&quot;* \(#,##0\);_(&quot;$&quot;* &quot;-&quot;_);_(@_)"/>
    <numFmt numFmtId="186" formatCode="#,##0\ ;\-#,##0\ ;_ * &quot;- &quot;_ ;_ @_ "/>
    <numFmt numFmtId="187" formatCode="_(&quot;¥&quot;* #,##0_);_(&quot;¥&quot;* \(#,##0\);_(&quot;¥&quot;* &quot;-&quot;??_);_(@_)"/>
    <numFmt numFmtId="188" formatCode="#,##0.0;[Red]\-#,##0.0"/>
    <numFmt numFmtId="189" formatCode="###0"/>
    <numFmt numFmtId="190" formatCode="#,##0;;"/>
    <numFmt numFmtId="191" formatCode="#,##0\-;&quot;▲&quot;#,##0\-"/>
    <numFmt numFmtId="192" formatCode="&quot;¥&quot;#,##0\-;&quot;¥&quot;&quot;▲&quot;#,##0\-"/>
    <numFmt numFmtId="193" formatCode="0.0"/>
    <numFmt numFmtId="194" formatCode="0_ "/>
  </numFmts>
  <fonts count="69">
    <font>
      <sz val="9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6.5"/>
      <name val="ＭＳ 明朝"/>
      <family val="1"/>
      <charset val="128"/>
    </font>
    <font>
      <sz val="7.5"/>
      <name val="ＭＳ 明朝"/>
      <family val="1"/>
      <charset val="128"/>
    </font>
    <font>
      <sz val="11"/>
      <name val="ＭＳ Ｐゴシック"/>
      <family val="3"/>
      <charset val="128"/>
    </font>
    <font>
      <sz val="16"/>
      <name val="メイリオ"/>
      <family val="3"/>
      <charset val="128"/>
    </font>
    <font>
      <sz val="6"/>
      <name val="ＭＳ Ｐゴシック"/>
      <family val="2"/>
      <charset val="128"/>
      <scheme val="minor"/>
    </font>
    <font>
      <sz val="20"/>
      <name val="メイリオ"/>
      <family val="3"/>
      <charset val="128"/>
    </font>
    <font>
      <sz val="11"/>
      <name val="メイリオ"/>
      <family val="3"/>
      <charset val="128"/>
    </font>
    <font>
      <sz val="12"/>
      <name val="メイリオ"/>
      <family val="3"/>
      <charset val="128"/>
    </font>
    <font>
      <sz val="14"/>
      <name val="メイリオ"/>
      <family val="3"/>
      <charset val="128"/>
    </font>
    <font>
      <sz val="11"/>
      <name val="¾©"/>
      <family val="1"/>
    </font>
    <font>
      <sz val="11"/>
      <name val="lr oSVbN"/>
      <family val="2"/>
    </font>
    <font>
      <sz val="12"/>
      <name val="ＭＳ 明朝"/>
      <family val="1"/>
      <charset val="128"/>
    </font>
    <font>
      <sz val="9"/>
      <name val="ＦＡ Ｐ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0"/>
      <name val="Arial"/>
      <family val="2"/>
    </font>
    <font>
      <sz val="12"/>
      <name val="Arial"/>
      <family val="2"/>
    </font>
    <font>
      <sz val="8"/>
      <name val="Arial"/>
      <family val="2"/>
    </font>
    <font>
      <sz val="10"/>
      <color indexed="8"/>
      <name val="Arial"/>
      <family val="2"/>
    </font>
    <font>
      <sz val="11"/>
      <name val="明朝"/>
      <family val="1"/>
      <charset val="128"/>
    </font>
    <font>
      <sz val="10"/>
      <name val="MS Sans Serif"/>
      <family val="2"/>
    </font>
    <font>
      <sz val="12"/>
      <name val="ＭＳ ゴシック"/>
      <family val="3"/>
      <charset val="128"/>
    </font>
    <font>
      <sz val="9"/>
      <name val="Times New Roman"/>
      <family val="1"/>
    </font>
    <font>
      <b/>
      <sz val="12"/>
      <name val="Arial"/>
      <family val="2"/>
    </font>
    <font>
      <sz val="10"/>
      <name val="ＭＳ ゴシック"/>
      <family val="3"/>
      <charset val="128"/>
    </font>
    <font>
      <sz val="9.5"/>
      <name val="ＭＳ ゴシック"/>
      <family val="3"/>
      <charset val="128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sz val="12"/>
      <name val="ＭＳ Ｐゴシック"/>
      <family val="3"/>
      <charset val="128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b/>
      <sz val="18"/>
      <color indexed="56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6"/>
      <color indexed="8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name val="ＪＳ明朝"/>
      <family val="1"/>
      <charset val="128"/>
    </font>
    <font>
      <sz val="10"/>
      <color indexed="12"/>
      <name val="ＭＳ 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sz val="10"/>
      <name val="明朝"/>
      <family val="1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2"/>
      <color indexed="12"/>
      <name val="ＭＳ Ｐゴシック"/>
      <family val="3"/>
      <charset val="128"/>
    </font>
    <font>
      <sz val="11"/>
      <name val="・団"/>
      <family val="1"/>
      <charset val="128"/>
    </font>
    <font>
      <sz val="12"/>
      <name val="明朝"/>
      <family val="1"/>
      <charset val="128"/>
    </font>
    <font>
      <sz val="11"/>
      <color indexed="8"/>
      <name val="ＭＳ 明朝"/>
      <family val="1"/>
      <charset val="128"/>
    </font>
    <font>
      <sz val="6"/>
      <name val="ＭＳ ゴシック"/>
      <family val="3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29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43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64"/>
      </patternFill>
    </fill>
    <fill>
      <patternFill patternType="solid">
        <fgColor indexed="22"/>
      </patternFill>
    </fill>
  </fills>
  <borders count="8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hair">
        <color indexed="8"/>
      </bottom>
      <diagonal/>
    </border>
    <border>
      <left/>
      <right/>
      <top style="thin">
        <color indexed="8"/>
      </top>
      <bottom style="hair">
        <color indexed="8"/>
      </bottom>
      <diagonal/>
    </border>
    <border>
      <left style="hair">
        <color indexed="8"/>
      </left>
      <right/>
      <top style="thin">
        <color indexed="8"/>
      </top>
      <bottom style="hair">
        <color indexed="8"/>
      </bottom>
      <diagonal/>
    </border>
    <border>
      <left/>
      <right style="hair">
        <color indexed="8"/>
      </right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/>
      <top style="hair">
        <color indexed="8"/>
      </top>
      <bottom/>
      <diagonal/>
    </border>
    <border>
      <left/>
      <right style="thin">
        <color indexed="8"/>
      </right>
      <top style="hair">
        <color indexed="8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/>
      <right style="hair">
        <color indexed="8"/>
      </right>
      <top style="hair">
        <color indexed="8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/>
      <right style="thin">
        <color indexed="8"/>
      </right>
      <top style="hair">
        <color indexed="8"/>
      </top>
      <bottom style="hair">
        <color indexed="8"/>
      </bottom>
      <diagonal/>
    </border>
    <border>
      <left/>
      <right style="hair">
        <color indexed="8"/>
      </right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 style="hair">
        <color indexed="8"/>
      </left>
      <right style="thin">
        <color indexed="8"/>
      </right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/>
      <diagonal/>
    </border>
    <border>
      <left style="hair">
        <color indexed="8"/>
      </left>
      <right style="thin">
        <color indexed="8"/>
      </right>
      <top/>
      <bottom/>
      <diagonal/>
    </border>
    <border>
      <left style="hair">
        <color indexed="8"/>
      </left>
      <right/>
      <top/>
      <bottom/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/>
      <right style="hair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/>
      <bottom/>
      <diagonal/>
    </border>
    <border>
      <left/>
      <right style="hair">
        <color indexed="8"/>
      </right>
      <top/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/>
      <top/>
      <bottom style="thin">
        <color indexed="64"/>
      </bottom>
      <diagonal/>
    </border>
    <border>
      <left/>
      <right/>
      <top/>
      <bottom style="thin">
        <color indexed="8"/>
      </bottom>
      <diagonal/>
    </border>
    <border>
      <left/>
      <right style="hair">
        <color indexed="8"/>
      </right>
      <top/>
      <bottom style="thin">
        <color indexed="8"/>
      </bottom>
      <diagonal/>
    </border>
    <border>
      <left style="hair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</borders>
  <cellStyleXfs count="166">
    <xf numFmtId="0" fontId="0" fillId="0" borderId="0">
      <alignment vertical="center"/>
    </xf>
    <xf numFmtId="0" fontId="10" fillId="0" borderId="0"/>
    <xf numFmtId="38" fontId="10" fillId="0" borderId="0" applyFont="0" applyFill="0" applyBorder="0" applyAlignment="0" applyProtection="0"/>
    <xf numFmtId="40" fontId="17" fillId="0" borderId="0" applyFont="0" applyFill="0" applyBorder="0" applyAlignment="0" applyProtection="0"/>
    <xf numFmtId="40" fontId="18" fillId="0" borderId="0" applyFont="0" applyFill="0" applyBorder="0" applyAlignment="0" applyProtection="0"/>
    <xf numFmtId="8" fontId="17" fillId="0" borderId="0" applyFont="0" applyFill="0" applyBorder="0" applyAlignment="0" applyProtection="0"/>
    <xf numFmtId="8" fontId="18" fillId="0" borderId="0" applyFont="0" applyFill="0" applyBorder="0" applyAlignment="0" applyProtection="0"/>
    <xf numFmtId="2" fontId="19" fillId="0" borderId="0" applyNumberFormat="0" applyFont="0" applyBorder="0" applyAlignment="0" applyProtection="0"/>
    <xf numFmtId="0" fontId="9" fillId="0" borderId="0" applyBorder="0" applyAlignment="0"/>
    <xf numFmtId="0" fontId="20" fillId="0" borderId="0" applyNumberFormat="0" applyFill="0" applyBorder="0" applyAlignment="0" applyProtection="0"/>
    <xf numFmtId="0" fontId="19" fillId="0" borderId="65" applyNumberFormat="0" applyFont="0" applyFill="0" applyAlignment="0" applyProtection="0"/>
    <xf numFmtId="0" fontId="21" fillId="2" borderId="0" applyNumberFormat="0" applyBorder="0" applyAlignment="0" applyProtection="0">
      <alignment vertical="center"/>
    </xf>
    <xf numFmtId="0" fontId="21" fillId="3" borderId="0" applyNumberFormat="0" applyBorder="0" applyAlignment="0" applyProtection="0">
      <alignment vertical="center"/>
    </xf>
    <xf numFmtId="0" fontId="21" fillId="4" borderId="0" applyNumberFormat="0" applyBorder="0" applyAlignment="0" applyProtection="0">
      <alignment vertical="center"/>
    </xf>
    <xf numFmtId="0" fontId="21" fillId="5" borderId="0" applyNumberFormat="0" applyBorder="0" applyAlignment="0" applyProtection="0">
      <alignment vertical="center"/>
    </xf>
    <xf numFmtId="0" fontId="21" fillId="6" borderId="0" applyNumberFormat="0" applyBorder="0" applyAlignment="0" applyProtection="0">
      <alignment vertical="center"/>
    </xf>
    <xf numFmtId="0" fontId="21" fillId="7" borderId="0" applyNumberFormat="0" applyBorder="0" applyAlignment="0" applyProtection="0">
      <alignment vertical="center"/>
    </xf>
    <xf numFmtId="0" fontId="21" fillId="8" borderId="0" applyNumberFormat="0" applyBorder="0" applyAlignment="0" applyProtection="0">
      <alignment vertical="center"/>
    </xf>
    <xf numFmtId="0" fontId="21" fillId="5" borderId="0" applyNumberFormat="0" applyBorder="0" applyAlignment="0" applyProtection="0">
      <alignment vertical="center"/>
    </xf>
    <xf numFmtId="0" fontId="21" fillId="7" borderId="0" applyNumberFormat="0" applyBorder="0" applyAlignment="0" applyProtection="0">
      <alignment vertical="center"/>
    </xf>
    <xf numFmtId="0" fontId="21" fillId="9" borderId="0" applyNumberFormat="0" applyBorder="0" applyAlignment="0" applyProtection="0">
      <alignment vertical="center"/>
    </xf>
    <xf numFmtId="0" fontId="22" fillId="10" borderId="0" applyNumberFormat="0" applyBorder="0" applyAlignment="0" applyProtection="0">
      <alignment vertical="center"/>
    </xf>
    <xf numFmtId="0" fontId="22" fillId="11" borderId="0" applyNumberFormat="0" applyBorder="0" applyAlignment="0" applyProtection="0">
      <alignment vertical="center"/>
    </xf>
    <xf numFmtId="0" fontId="22" fillId="8" borderId="0" applyNumberFormat="0" applyBorder="0" applyAlignment="0" applyProtection="0">
      <alignment vertical="center"/>
    </xf>
    <xf numFmtId="0" fontId="22" fillId="12" borderId="0" applyNumberFormat="0" applyBorder="0" applyAlignment="0" applyProtection="0">
      <alignment vertical="center"/>
    </xf>
    <xf numFmtId="0" fontId="22" fillId="13" borderId="0" applyNumberFormat="0" applyBorder="0" applyAlignment="0" applyProtection="0">
      <alignment vertical="center"/>
    </xf>
    <xf numFmtId="0" fontId="22" fillId="14" borderId="0" applyNumberFormat="0" applyBorder="0" applyAlignment="0" applyProtection="0">
      <alignment vertical="center"/>
    </xf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5" fillId="0" borderId="0" applyNumberFormat="0" applyFill="0" applyBorder="0" applyAlignment="0" applyProtection="0"/>
    <xf numFmtId="0" fontId="26" fillId="0" borderId="0" applyFill="0" applyBorder="0" applyAlignment="0"/>
    <xf numFmtId="180" fontId="26" fillId="0" borderId="0" applyFill="0" applyBorder="0" applyAlignment="0"/>
    <xf numFmtId="181" fontId="27" fillId="0" borderId="0" applyFill="0" applyBorder="0" applyAlignment="0"/>
    <xf numFmtId="182" fontId="10" fillId="0" borderId="0" applyFill="0" applyBorder="0" applyAlignment="0"/>
    <xf numFmtId="38" fontId="28" fillId="0" borderId="0" applyFont="0" applyFill="0" applyBorder="0" applyAlignment="0" applyProtection="0"/>
    <xf numFmtId="40" fontId="28" fillId="0" borderId="0" applyFont="0" applyFill="0" applyBorder="0" applyAlignment="0" applyProtection="0"/>
    <xf numFmtId="0" fontId="29" fillId="0" borderId="0" applyNumberFormat="0" applyFont="0" applyBorder="0" applyAlignment="0" applyProtection="0"/>
    <xf numFmtId="183" fontId="28" fillId="0" borderId="0" applyFont="0" applyFill="0" applyBorder="0" applyAlignment="0" applyProtection="0"/>
    <xf numFmtId="184" fontId="28" fillId="0" borderId="0" applyFont="0" applyFill="0" applyBorder="0" applyAlignment="0" applyProtection="0"/>
    <xf numFmtId="0" fontId="30" fillId="0" borderId="0">
      <alignment horizontal="left"/>
    </xf>
    <xf numFmtId="38" fontId="25" fillId="15" borderId="0" applyNumberFormat="0" applyBorder="0" applyAlignment="0" applyProtection="0"/>
    <xf numFmtId="0" fontId="31" fillId="0" borderId="66" applyNumberFormat="0" applyAlignment="0" applyProtection="0">
      <alignment horizontal="left" vertical="center"/>
    </xf>
    <xf numFmtId="0" fontId="31" fillId="0" borderId="4">
      <alignment horizontal="left" vertical="center"/>
    </xf>
    <xf numFmtId="10" fontId="25" fillId="16" borderId="30" applyNumberFormat="0" applyBorder="0" applyAlignment="0" applyProtection="0"/>
    <xf numFmtId="0" fontId="32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185" fontId="10" fillId="0" borderId="0"/>
    <xf numFmtId="183" fontId="4" fillId="0" borderId="0"/>
    <xf numFmtId="0" fontId="23" fillId="0" borderId="0"/>
    <xf numFmtId="0" fontId="33" fillId="0" borderId="0"/>
    <xf numFmtId="10" fontId="23" fillId="0" borderId="0" applyFont="0" applyFill="0" applyBorder="0" applyAlignment="0" applyProtection="0"/>
    <xf numFmtId="4" fontId="30" fillId="0" borderId="0">
      <alignment horizontal="right"/>
    </xf>
    <xf numFmtId="0" fontId="28" fillId="0" borderId="0" applyNumberFormat="0" applyFont="0" applyFill="0" applyBorder="0" applyAlignment="0" applyProtection="0">
      <alignment horizontal="left"/>
    </xf>
    <xf numFmtId="0" fontId="34" fillId="0" borderId="67">
      <alignment horizontal="center"/>
    </xf>
    <xf numFmtId="4" fontId="35" fillId="0" borderId="0">
      <alignment horizontal="right"/>
    </xf>
    <xf numFmtId="0" fontId="36" fillId="0" borderId="0"/>
    <xf numFmtId="0" fontId="36" fillId="0" borderId="0"/>
    <xf numFmtId="0" fontId="37" fillId="0" borderId="0">
      <alignment horizontal="left"/>
    </xf>
    <xf numFmtId="0" fontId="28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6" fillId="0" borderId="0"/>
    <xf numFmtId="0" fontId="38" fillId="0" borderId="0"/>
    <xf numFmtId="0" fontId="20" fillId="0" borderId="0" applyNumberFormat="0" applyFill="0" applyBorder="0" applyAlignment="0" applyProtection="0"/>
    <xf numFmtId="0" fontId="39" fillId="0" borderId="0">
      <alignment horizontal="center"/>
    </xf>
    <xf numFmtId="0" fontId="22" fillId="17" borderId="0" applyNumberFormat="0" applyBorder="0" applyAlignment="0" applyProtection="0">
      <alignment vertical="center"/>
    </xf>
    <xf numFmtId="0" fontId="22" fillId="18" borderId="0" applyNumberFormat="0" applyBorder="0" applyAlignment="0" applyProtection="0">
      <alignment vertical="center"/>
    </xf>
    <xf numFmtId="0" fontId="22" fillId="19" borderId="0" applyNumberFormat="0" applyBorder="0" applyAlignment="0" applyProtection="0">
      <alignment vertical="center"/>
    </xf>
    <xf numFmtId="0" fontId="22" fillId="12" borderId="0" applyNumberFormat="0" applyBorder="0" applyAlignment="0" applyProtection="0">
      <alignment vertical="center"/>
    </xf>
    <xf numFmtId="0" fontId="22" fillId="20" borderId="0" applyNumberFormat="0" applyBorder="0" applyAlignment="0" applyProtection="0">
      <alignment vertical="center"/>
    </xf>
    <xf numFmtId="0" fontId="40" fillId="0" borderId="0" applyNumberFormat="0" applyFill="0" applyBorder="0" applyAlignment="0" applyProtection="0">
      <alignment vertical="center"/>
    </xf>
    <xf numFmtId="0" fontId="41" fillId="21" borderId="0" applyNumberFormat="0" applyBorder="0" applyAlignment="0" applyProtection="0">
      <alignment vertical="center"/>
    </xf>
    <xf numFmtId="9" fontId="10" fillId="0" borderId="0" applyFont="0" applyFill="0" applyBorder="0" applyAlignment="0" applyProtection="0"/>
    <xf numFmtId="9" fontId="1" fillId="0" borderId="0" applyFont="0" applyFill="0" applyBorder="0" applyAlignment="0" applyProtection="0">
      <alignment vertical="center"/>
    </xf>
    <xf numFmtId="9" fontId="10" fillId="0" borderId="0" applyFont="0" applyFill="0" applyBorder="0" applyAlignment="0" applyProtection="0"/>
    <xf numFmtId="0" fontId="4" fillId="0" borderId="68" applyNumberFormat="0" applyFill="0" applyBorder="0" applyAlignment="0" applyProtection="0">
      <alignment horizontal="distributed" vertical="center" justifyLastLine="1"/>
    </xf>
    <xf numFmtId="0" fontId="10" fillId="22" borderId="69" applyNumberFormat="0" applyFont="0" applyAlignment="0" applyProtection="0">
      <alignment vertical="center"/>
    </xf>
    <xf numFmtId="0" fontId="42" fillId="23" borderId="0" applyNumberFormat="0" applyBorder="0" applyAlignment="0" applyProtection="0">
      <alignment vertical="center"/>
    </xf>
    <xf numFmtId="0" fontId="43" fillId="0" borderId="70" applyNumberFormat="0" applyFill="0" applyAlignment="0" applyProtection="0">
      <alignment vertical="center"/>
    </xf>
    <xf numFmtId="0" fontId="44" fillId="3" borderId="0" applyNumberFormat="0" applyBorder="0" applyAlignment="0" applyProtection="0">
      <alignment vertical="center"/>
    </xf>
    <xf numFmtId="186" fontId="6" fillId="0" borderId="0" applyFill="0" applyBorder="0" applyAlignment="0" applyProtection="0">
      <alignment vertical="center"/>
    </xf>
    <xf numFmtId="0" fontId="45" fillId="24" borderId="0">
      <alignment horizontal="right" vertical="top"/>
    </xf>
    <xf numFmtId="0" fontId="42" fillId="23" borderId="0" applyNumberFormat="0" applyBorder="0" applyAlignment="0" applyProtection="0"/>
    <xf numFmtId="187" fontId="46" fillId="25" borderId="16" applyFont="0" applyFill="0" applyBorder="0" applyAlignment="0" applyProtection="0">
      <protection locked="0"/>
    </xf>
    <xf numFmtId="0" fontId="47" fillId="26" borderId="71" applyNumberFormat="0" applyAlignment="0" applyProtection="0">
      <alignment vertical="center"/>
    </xf>
    <xf numFmtId="43" fontId="23" fillId="0" borderId="0" applyFont="0" applyFill="0" applyBorder="0" applyAlignment="0" applyProtection="0"/>
    <xf numFmtId="41" fontId="23" fillId="0" borderId="0" applyFont="0" applyFill="0" applyBorder="0" applyAlignment="0" applyProtection="0"/>
    <xf numFmtId="188" fontId="48" fillId="0" borderId="72"/>
    <xf numFmtId="38" fontId="10" fillId="0" borderId="0" applyFont="0" applyFill="0" applyBorder="0" applyAlignment="0" applyProtection="0"/>
    <xf numFmtId="38" fontId="10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  <xf numFmtId="38" fontId="10" fillId="0" borderId="0" applyFont="0" applyFill="0" applyBorder="0" applyAlignment="0" applyProtection="0">
      <alignment vertical="center"/>
    </xf>
    <xf numFmtId="38" fontId="27" fillId="0" borderId="0" applyFont="0" applyFill="0" applyBorder="0" applyAlignment="0" applyProtection="0"/>
    <xf numFmtId="38" fontId="19" fillId="0" borderId="0" applyFont="0" applyFill="0" applyBorder="0" applyAlignment="0" applyProtection="0">
      <alignment vertical="center"/>
    </xf>
    <xf numFmtId="38" fontId="10" fillId="0" borderId="0" applyFont="0" applyFill="0" applyBorder="0" applyAlignment="0" applyProtection="0"/>
    <xf numFmtId="189" fontId="49" fillId="0" borderId="73" applyFill="0" applyBorder="0" applyProtection="0"/>
    <xf numFmtId="190" fontId="50" fillId="0" borderId="73" applyFill="0" applyBorder="0" applyProtection="0"/>
    <xf numFmtId="0" fontId="29" fillId="0" borderId="30"/>
    <xf numFmtId="0" fontId="51" fillId="0" borderId="74" applyNumberFormat="0" applyFill="0" applyAlignment="0" applyProtection="0">
      <alignment vertical="center"/>
    </xf>
    <xf numFmtId="0" fontId="52" fillId="0" borderId="75" applyNumberFormat="0" applyFill="0" applyAlignment="0" applyProtection="0">
      <alignment vertical="center"/>
    </xf>
    <xf numFmtId="0" fontId="53" fillId="0" borderId="76" applyNumberFormat="0" applyFill="0" applyAlignment="0" applyProtection="0">
      <alignment vertical="center"/>
    </xf>
    <xf numFmtId="0" fontId="53" fillId="0" borderId="0" applyNumberFormat="0" applyFill="0" applyBorder="0" applyAlignment="0" applyProtection="0">
      <alignment vertical="center"/>
    </xf>
    <xf numFmtId="191" fontId="54" fillId="0" borderId="77">
      <protection locked="0"/>
    </xf>
    <xf numFmtId="191" fontId="54" fillId="0" borderId="77">
      <protection locked="0"/>
    </xf>
    <xf numFmtId="192" fontId="54" fillId="0" borderId="77">
      <protection locked="0"/>
    </xf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1" fontId="4" fillId="0" borderId="78"/>
    <xf numFmtId="0" fontId="55" fillId="0" borderId="79">
      <alignment horizontal="center"/>
    </xf>
    <xf numFmtId="0" fontId="56" fillId="0" borderId="0">
      <alignment horizontal="center"/>
    </xf>
    <xf numFmtId="0" fontId="57" fillId="0" borderId="80" applyNumberFormat="0" applyFill="0" applyAlignment="0" applyProtection="0">
      <alignment vertical="center"/>
    </xf>
    <xf numFmtId="0" fontId="58" fillId="26" borderId="81" applyNumberFormat="0" applyAlignment="0" applyProtection="0">
      <alignment vertical="center"/>
    </xf>
    <xf numFmtId="42" fontId="6" fillId="0" borderId="0" applyFill="0" applyBorder="0" applyAlignment="0" applyProtection="0">
      <alignment horizontal="center" vertical="center"/>
    </xf>
    <xf numFmtId="193" fontId="59" fillId="24" borderId="82">
      <alignment horizontal="right"/>
    </xf>
    <xf numFmtId="2" fontId="60" fillId="0" borderId="83">
      <alignment horizontal="center"/>
    </xf>
    <xf numFmtId="0" fontId="61" fillId="0" borderId="0"/>
    <xf numFmtId="0" fontId="4" fillId="0" borderId="0" applyNumberFormat="0" applyFont="0" applyBorder="0" applyAlignment="0" applyProtection="0"/>
    <xf numFmtId="8" fontId="62" fillId="0" borderId="0" applyFont="0" applyFill="0" applyBorder="0" applyAlignment="0" applyProtection="0"/>
    <xf numFmtId="6" fontId="62" fillId="0" borderId="0" applyFont="0" applyFill="0" applyBorder="0" applyAlignment="0" applyProtection="0"/>
    <xf numFmtId="0" fontId="63" fillId="0" borderId="84" applyFill="0" applyBorder="0" applyProtection="0">
      <alignment horizontal="left" vertical="center"/>
    </xf>
    <xf numFmtId="6" fontId="10" fillId="0" borderId="0" applyFont="0" applyFill="0" applyBorder="0" applyAlignment="0" applyProtection="0"/>
    <xf numFmtId="0" fontId="46" fillId="0" borderId="30">
      <alignment horizontal="left" vertical="center"/>
    </xf>
    <xf numFmtId="0" fontId="64" fillId="0" borderId="0"/>
    <xf numFmtId="0" fontId="65" fillId="0" borderId="25" applyBorder="0">
      <alignment horizontal="center" vertical="center"/>
    </xf>
    <xf numFmtId="0" fontId="66" fillId="6" borderId="71" applyNumberFormat="0" applyAlignment="0" applyProtection="0">
      <alignment vertical="center"/>
    </xf>
    <xf numFmtId="194" fontId="36" fillId="0" borderId="85" applyNumberFormat="0" applyFont="0" applyAlignment="0" applyProtection="0"/>
    <xf numFmtId="0" fontId="55" fillId="0" borderId="0"/>
    <xf numFmtId="0" fontId="10" fillId="0" borderId="0">
      <alignment vertical="center"/>
    </xf>
    <xf numFmtId="0" fontId="1" fillId="0" borderId="0">
      <alignment vertical="center"/>
    </xf>
    <xf numFmtId="0" fontId="10" fillId="0" borderId="0"/>
    <xf numFmtId="0" fontId="10" fillId="0" borderId="0"/>
    <xf numFmtId="0" fontId="19" fillId="0" borderId="0"/>
    <xf numFmtId="0" fontId="10" fillId="0" borderId="0"/>
    <xf numFmtId="0" fontId="10" fillId="0" borderId="0">
      <alignment vertical="center"/>
    </xf>
    <xf numFmtId="0" fontId="10" fillId="0" borderId="0"/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10" fillId="0" borderId="0">
      <alignment vertical="center"/>
    </xf>
    <xf numFmtId="0" fontId="67" fillId="0" borderId="0"/>
    <xf numFmtId="0" fontId="54" fillId="0" borderId="0"/>
    <xf numFmtId="0" fontId="4" fillId="0" borderId="0"/>
    <xf numFmtId="0" fontId="4" fillId="0" borderId="0" applyNumberFormat="0" applyBorder="0" applyAlignment="0"/>
    <xf numFmtId="0" fontId="19" fillId="0" borderId="0" applyBorder="0">
      <alignment vertical="center"/>
    </xf>
    <xf numFmtId="0" fontId="27" fillId="0" borderId="0"/>
    <xf numFmtId="0" fontId="55" fillId="0" borderId="0"/>
    <xf numFmtId="0" fontId="36" fillId="0" borderId="0"/>
    <xf numFmtId="0" fontId="46" fillId="0" borderId="0"/>
    <xf numFmtId="0" fontId="68" fillId="4" borderId="0" applyNumberFormat="0" applyBorder="0" applyAlignment="0" applyProtection="0">
      <alignment vertical="center"/>
    </xf>
  </cellStyleXfs>
  <cellXfs count="210">
    <xf numFmtId="0" fontId="0" fillId="0" borderId="0" xfId="0">
      <alignment vertical="center"/>
    </xf>
    <xf numFmtId="0" fontId="4" fillId="0" borderId="0" xfId="0" applyNumberFormat="1" applyFont="1" applyFill="1" applyBorder="1" applyAlignment="1">
      <alignment vertical="center"/>
    </xf>
    <xf numFmtId="0" fontId="3" fillId="0" borderId="0" xfId="0" applyNumberFormat="1" applyFont="1" applyFill="1" applyBorder="1" applyAlignment="1">
      <alignment vertical="center"/>
    </xf>
    <xf numFmtId="0" fontId="3" fillId="0" borderId="8" xfId="0" applyNumberFormat="1" applyFont="1" applyFill="1" applyBorder="1" applyAlignment="1">
      <alignment vertical="center" shrinkToFit="1"/>
    </xf>
    <xf numFmtId="0" fontId="5" fillId="0" borderId="10" xfId="0" quotePrefix="1" applyNumberFormat="1" applyFont="1" applyFill="1" applyBorder="1" applyAlignment="1">
      <alignment horizontal="center" vertical="center" shrinkToFit="1"/>
    </xf>
    <xf numFmtId="0" fontId="8" fillId="0" borderId="11" xfId="0" applyNumberFormat="1" applyFont="1" applyFill="1" applyBorder="1" applyAlignment="1">
      <alignment vertical="center" shrinkToFit="1"/>
    </xf>
    <xf numFmtId="0" fontId="3" fillId="0" borderId="12" xfId="0" applyNumberFormat="1" applyFont="1" applyFill="1" applyBorder="1" applyAlignment="1">
      <alignment vertical="center" shrinkToFit="1"/>
    </xf>
    <xf numFmtId="0" fontId="5" fillId="0" borderId="18" xfId="0" applyNumberFormat="1" applyFont="1" applyFill="1" applyBorder="1" applyAlignment="1">
      <alignment horizontal="center" vertical="center" shrinkToFit="1"/>
    </xf>
    <xf numFmtId="0" fontId="8" fillId="0" borderId="13" xfId="0" applyNumberFormat="1" applyFont="1" applyFill="1" applyBorder="1" applyAlignment="1">
      <alignment vertical="center" shrinkToFit="1"/>
    </xf>
    <xf numFmtId="0" fontId="5" fillId="0" borderId="10" xfId="0" applyNumberFormat="1" applyFont="1" applyFill="1" applyBorder="1" applyAlignment="1">
      <alignment horizontal="center" vertical="center" shrinkToFit="1"/>
    </xf>
    <xf numFmtId="0" fontId="3" fillId="0" borderId="14" xfId="0" applyNumberFormat="1" applyFont="1" applyFill="1" applyBorder="1" applyAlignment="1">
      <alignment vertical="center" shrinkToFit="1"/>
    </xf>
    <xf numFmtId="0" fontId="5" fillId="0" borderId="16" xfId="0" applyNumberFormat="1" applyFont="1" applyFill="1" applyBorder="1" applyAlignment="1">
      <alignment horizontal="center" vertical="center" shrinkToFit="1"/>
    </xf>
    <xf numFmtId="0" fontId="8" fillId="0" borderId="17" xfId="0" applyNumberFormat="1" applyFont="1" applyFill="1" applyBorder="1" applyAlignment="1">
      <alignment vertical="center" shrinkToFit="1"/>
    </xf>
    <xf numFmtId="0" fontId="5" fillId="0" borderId="16" xfId="0" quotePrefix="1" applyNumberFormat="1" applyFont="1" applyFill="1" applyBorder="1" applyAlignment="1">
      <alignment horizontal="center" vertical="center" shrinkToFit="1"/>
    </xf>
    <xf numFmtId="0" fontId="5" fillId="0" borderId="18" xfId="0" quotePrefix="1" applyNumberFormat="1" applyFont="1" applyFill="1" applyBorder="1" applyAlignment="1">
      <alignment horizontal="center" vertical="center" shrinkToFit="1"/>
    </xf>
    <xf numFmtId="0" fontId="5" fillId="0" borderId="10" xfId="0" applyNumberFormat="1" applyFont="1" applyFill="1" applyBorder="1" applyAlignment="1">
      <alignment vertical="center" shrinkToFit="1"/>
    </xf>
    <xf numFmtId="0" fontId="3" fillId="0" borderId="19" xfId="0" applyNumberFormat="1" applyFont="1" applyFill="1" applyBorder="1" applyAlignment="1">
      <alignment vertical="center" shrinkToFit="1"/>
    </xf>
    <xf numFmtId="0" fontId="5" fillId="0" borderId="21" xfId="0" applyNumberFormat="1" applyFont="1" applyFill="1" applyBorder="1" applyAlignment="1">
      <alignment horizontal="center" vertical="center" shrinkToFit="1"/>
    </xf>
    <xf numFmtId="0" fontId="8" fillId="0" borderId="22" xfId="0" applyNumberFormat="1" applyFont="1" applyFill="1" applyBorder="1" applyAlignment="1">
      <alignment vertical="center" shrinkToFit="1"/>
    </xf>
    <xf numFmtId="0" fontId="3" fillId="0" borderId="1" xfId="0" applyNumberFormat="1" applyFont="1" applyFill="1" applyBorder="1" applyAlignment="1">
      <alignment vertical="center"/>
    </xf>
    <xf numFmtId="0" fontId="3" fillId="0" borderId="11" xfId="0" applyNumberFormat="1" applyFont="1" applyFill="1" applyBorder="1" applyAlignment="1">
      <alignment vertical="center" shrinkToFit="1"/>
    </xf>
    <xf numFmtId="0" fontId="3" fillId="0" borderId="13" xfId="0" applyNumberFormat="1" applyFont="1" applyFill="1" applyBorder="1" applyAlignment="1">
      <alignment vertical="center" shrinkToFit="1"/>
    </xf>
    <xf numFmtId="0" fontId="3" fillId="0" borderId="17" xfId="0" applyNumberFormat="1" applyFont="1" applyFill="1" applyBorder="1" applyAlignment="1">
      <alignment vertical="center" shrinkToFit="1"/>
    </xf>
    <xf numFmtId="0" fontId="3" fillId="0" borderId="22" xfId="0" applyNumberFormat="1" applyFont="1" applyFill="1" applyBorder="1" applyAlignment="1">
      <alignment vertical="center" shrinkToFit="1"/>
    </xf>
    <xf numFmtId="0" fontId="8" fillId="0" borderId="8" xfId="0" applyNumberFormat="1" applyFont="1" applyFill="1" applyBorder="1" applyAlignment="1">
      <alignment vertical="center" shrinkToFit="1"/>
    </xf>
    <xf numFmtId="0" fontId="8" fillId="0" borderId="9" xfId="0" applyNumberFormat="1" applyFont="1" applyFill="1" applyBorder="1" applyAlignment="1">
      <alignment vertical="center" shrinkToFit="1"/>
    </xf>
    <xf numFmtId="0" fontId="9" fillId="0" borderId="10" xfId="0" quotePrefix="1" applyNumberFormat="1" applyFont="1" applyFill="1" applyBorder="1" applyAlignment="1">
      <alignment horizontal="center" vertical="center" shrinkToFit="1"/>
    </xf>
    <xf numFmtId="0" fontId="8" fillId="0" borderId="12" xfId="0" applyNumberFormat="1" applyFont="1" applyFill="1" applyBorder="1" applyAlignment="1">
      <alignment vertical="center" shrinkToFit="1"/>
    </xf>
    <xf numFmtId="0" fontId="8" fillId="0" borderId="5" xfId="0" applyNumberFormat="1" applyFont="1" applyFill="1" applyBorder="1" applyAlignment="1">
      <alignment vertical="center" shrinkToFit="1"/>
    </xf>
    <xf numFmtId="0" fontId="9" fillId="0" borderId="18" xfId="0" applyNumberFormat="1" applyFont="1" applyFill="1" applyBorder="1" applyAlignment="1">
      <alignment horizontal="center" vertical="center" shrinkToFit="1"/>
    </xf>
    <xf numFmtId="0" fontId="9" fillId="0" borderId="10" xfId="0" applyNumberFormat="1" applyFont="1" applyFill="1" applyBorder="1" applyAlignment="1">
      <alignment horizontal="center" vertical="center" shrinkToFit="1"/>
    </xf>
    <xf numFmtId="0" fontId="8" fillId="0" borderId="14" xfId="0" applyNumberFormat="1" applyFont="1" applyFill="1" applyBorder="1" applyAlignment="1">
      <alignment vertical="center" shrinkToFit="1"/>
    </xf>
    <xf numFmtId="0" fontId="8" fillId="0" borderId="15" xfId="0" applyNumberFormat="1" applyFont="1" applyFill="1" applyBorder="1" applyAlignment="1">
      <alignment vertical="center" shrinkToFit="1"/>
    </xf>
    <xf numFmtId="0" fontId="9" fillId="0" borderId="16" xfId="0" applyNumberFormat="1" applyFont="1" applyFill="1" applyBorder="1" applyAlignment="1">
      <alignment horizontal="center" vertical="center" shrinkToFit="1"/>
    </xf>
    <xf numFmtId="0" fontId="9" fillId="0" borderId="16" xfId="0" quotePrefix="1" applyNumberFormat="1" applyFont="1" applyFill="1" applyBorder="1" applyAlignment="1">
      <alignment horizontal="center" vertical="center" shrinkToFit="1"/>
    </xf>
    <xf numFmtId="0" fontId="9" fillId="0" borderId="18" xfId="0" quotePrefix="1" applyNumberFormat="1" applyFont="1" applyFill="1" applyBorder="1" applyAlignment="1">
      <alignment horizontal="center" vertical="center" shrinkToFit="1"/>
    </xf>
    <xf numFmtId="0" fontId="9" fillId="0" borderId="10" xfId="0" applyNumberFormat="1" applyFont="1" applyFill="1" applyBorder="1" applyAlignment="1">
      <alignment vertical="center" shrinkToFit="1"/>
    </xf>
    <xf numFmtId="0" fontId="8" fillId="0" borderId="19" xfId="0" applyNumberFormat="1" applyFont="1" applyFill="1" applyBorder="1" applyAlignment="1">
      <alignment vertical="center" shrinkToFit="1"/>
    </xf>
    <xf numFmtId="0" fontId="8" fillId="0" borderId="20" xfId="0" applyNumberFormat="1" applyFont="1" applyFill="1" applyBorder="1" applyAlignment="1">
      <alignment vertical="center" shrinkToFit="1"/>
    </xf>
    <xf numFmtId="0" fontId="9" fillId="0" borderId="21" xfId="0" applyNumberFormat="1" applyFont="1" applyFill="1" applyBorder="1" applyAlignment="1">
      <alignment horizontal="center" vertical="center" shrinkToFit="1"/>
    </xf>
    <xf numFmtId="0" fontId="5" fillId="0" borderId="8" xfId="0" applyNumberFormat="1" applyFont="1" applyFill="1" applyBorder="1" applyAlignment="1">
      <alignment vertical="center" shrinkToFit="1"/>
    </xf>
    <xf numFmtId="0" fontId="8" fillId="0" borderId="10" xfId="0" quotePrefix="1" applyNumberFormat="1" applyFont="1" applyFill="1" applyBorder="1" applyAlignment="1">
      <alignment horizontal="center" vertical="center" shrinkToFit="1"/>
    </xf>
    <xf numFmtId="0" fontId="5" fillId="0" borderId="12" xfId="0" applyNumberFormat="1" applyFont="1" applyFill="1" applyBorder="1" applyAlignment="1">
      <alignment vertical="center" shrinkToFit="1"/>
    </xf>
    <xf numFmtId="0" fontId="8" fillId="0" borderId="18" xfId="0" applyNumberFormat="1" applyFont="1" applyFill="1" applyBorder="1" applyAlignment="1">
      <alignment horizontal="center" vertical="center" shrinkToFit="1"/>
    </xf>
    <xf numFmtId="0" fontId="8" fillId="0" borderId="10" xfId="0" applyNumberFormat="1" applyFont="1" applyFill="1" applyBorder="1" applyAlignment="1">
      <alignment horizontal="center" vertical="center" shrinkToFit="1"/>
    </xf>
    <xf numFmtId="0" fontId="5" fillId="0" borderId="14" xfId="0" applyNumberFormat="1" applyFont="1" applyFill="1" applyBorder="1" applyAlignment="1">
      <alignment vertical="center" shrinkToFit="1"/>
    </xf>
    <xf numFmtId="0" fontId="8" fillId="0" borderId="16" xfId="0" applyNumberFormat="1" applyFont="1" applyFill="1" applyBorder="1" applyAlignment="1">
      <alignment horizontal="center" vertical="center" shrinkToFit="1"/>
    </xf>
    <xf numFmtId="0" fontId="8" fillId="0" borderId="16" xfId="0" quotePrefix="1" applyNumberFormat="1" applyFont="1" applyFill="1" applyBorder="1" applyAlignment="1">
      <alignment horizontal="center" vertical="center" shrinkToFit="1"/>
    </xf>
    <xf numFmtId="0" fontId="8" fillId="0" borderId="18" xfId="0" quotePrefix="1" applyNumberFormat="1" applyFont="1" applyFill="1" applyBorder="1" applyAlignment="1">
      <alignment horizontal="center" vertical="center" shrinkToFit="1"/>
    </xf>
    <xf numFmtId="0" fontId="8" fillId="0" borderId="10" xfId="0" applyNumberFormat="1" applyFont="1" applyFill="1" applyBorder="1" applyAlignment="1">
      <alignment vertical="center" shrinkToFit="1"/>
    </xf>
    <xf numFmtId="0" fontId="5" fillId="0" borderId="19" xfId="0" applyNumberFormat="1" applyFont="1" applyFill="1" applyBorder="1" applyAlignment="1">
      <alignment vertical="center" shrinkToFit="1"/>
    </xf>
    <xf numFmtId="0" fontId="8" fillId="0" borderId="21" xfId="0" applyNumberFormat="1" applyFont="1" applyFill="1" applyBorder="1" applyAlignment="1">
      <alignment horizontal="center" vertical="center" shrinkToFit="1"/>
    </xf>
    <xf numFmtId="178" fontId="3" fillId="0" borderId="10" xfId="0" applyNumberFormat="1" applyFont="1" applyFill="1" applyBorder="1" applyAlignment="1">
      <alignment horizontal="right" vertical="center" shrinkToFit="1"/>
    </xf>
    <xf numFmtId="177" fontId="3" fillId="0" borderId="10" xfId="0" applyNumberFormat="1" applyFont="1" applyFill="1" applyBorder="1" applyAlignment="1">
      <alignment horizontal="right" vertical="center" shrinkToFit="1"/>
    </xf>
    <xf numFmtId="177" fontId="3" fillId="0" borderId="18" xfId="0" applyNumberFormat="1" applyFont="1" applyFill="1" applyBorder="1" applyAlignment="1">
      <alignment horizontal="right" vertical="center" shrinkToFit="1"/>
    </xf>
    <xf numFmtId="177" fontId="3" fillId="0" borderId="16" xfId="0" applyNumberFormat="1" applyFont="1" applyFill="1" applyBorder="1" applyAlignment="1">
      <alignment horizontal="right" vertical="center" shrinkToFit="1"/>
    </xf>
    <xf numFmtId="177" fontId="3" fillId="0" borderId="10" xfId="0" applyNumberFormat="1" applyFont="1" applyFill="1" applyBorder="1" applyAlignment="1">
      <alignment vertical="center" shrinkToFit="1"/>
    </xf>
    <xf numFmtId="177" fontId="3" fillId="0" borderId="21" xfId="0" applyNumberFormat="1" applyFont="1" applyFill="1" applyBorder="1" applyAlignment="1">
      <alignment horizontal="right" vertical="center" shrinkToFit="1"/>
    </xf>
    <xf numFmtId="177" fontId="3" fillId="0" borderId="23" xfId="0" applyNumberFormat="1" applyFont="1" applyFill="1" applyBorder="1" applyAlignment="1">
      <alignment horizontal="right" vertical="center" shrinkToFit="1"/>
    </xf>
    <xf numFmtId="177" fontId="3" fillId="0" borderId="1" xfId="0" applyNumberFormat="1" applyFont="1" applyFill="1" applyBorder="1" applyAlignment="1">
      <alignment vertical="center"/>
    </xf>
    <xf numFmtId="178" fontId="3" fillId="0" borderId="18" xfId="0" applyNumberFormat="1" applyFont="1" applyFill="1" applyBorder="1" applyAlignment="1">
      <alignment horizontal="right" vertical="center" shrinkToFit="1"/>
    </xf>
    <xf numFmtId="178" fontId="3" fillId="0" borderId="16" xfId="0" applyNumberFormat="1" applyFont="1" applyFill="1" applyBorder="1" applyAlignment="1">
      <alignment horizontal="right" vertical="center" shrinkToFit="1"/>
    </xf>
    <xf numFmtId="178" fontId="3" fillId="0" borderId="10" xfId="0" applyNumberFormat="1" applyFont="1" applyFill="1" applyBorder="1" applyAlignment="1">
      <alignment vertical="center" shrinkToFit="1"/>
    </xf>
    <xf numFmtId="178" fontId="3" fillId="0" borderId="21" xfId="0" applyNumberFormat="1" applyFont="1" applyFill="1" applyBorder="1" applyAlignment="1">
      <alignment horizontal="right" vertical="center" shrinkToFit="1"/>
    </xf>
    <xf numFmtId="178" fontId="3" fillId="0" borderId="10" xfId="0" quotePrefix="1" applyNumberFormat="1" applyFont="1" applyFill="1" applyBorder="1" applyAlignment="1">
      <alignment horizontal="right" vertical="center" shrinkToFit="1"/>
    </xf>
    <xf numFmtId="178" fontId="3" fillId="0" borderId="16" xfId="0" quotePrefix="1" applyNumberFormat="1" applyFont="1" applyFill="1" applyBorder="1" applyAlignment="1">
      <alignment horizontal="right" vertical="center" shrinkToFit="1"/>
    </xf>
    <xf numFmtId="178" fontId="3" fillId="0" borderId="18" xfId="0" quotePrefix="1" applyNumberFormat="1" applyFont="1" applyFill="1" applyBorder="1" applyAlignment="1">
      <alignment horizontal="right" vertical="center" shrinkToFit="1"/>
    </xf>
    <xf numFmtId="178" fontId="3" fillId="0" borderId="1" xfId="0" applyNumberFormat="1" applyFont="1" applyFill="1" applyBorder="1" applyAlignment="1">
      <alignment vertical="center"/>
    </xf>
    <xf numFmtId="177" fontId="5" fillId="0" borderId="10" xfId="0" applyNumberFormat="1" applyFont="1" applyFill="1" applyBorder="1" applyAlignment="1">
      <alignment horizontal="right" vertical="center" shrinkToFit="1"/>
    </xf>
    <xf numFmtId="177" fontId="5" fillId="0" borderId="18" xfId="0" applyNumberFormat="1" applyFont="1" applyFill="1" applyBorder="1" applyAlignment="1">
      <alignment horizontal="right" vertical="center" shrinkToFit="1"/>
    </xf>
    <xf numFmtId="177" fontId="5" fillId="0" borderId="16" xfId="0" applyNumberFormat="1" applyFont="1" applyFill="1" applyBorder="1" applyAlignment="1">
      <alignment horizontal="right" vertical="center" shrinkToFit="1"/>
    </xf>
    <xf numFmtId="177" fontId="5" fillId="0" borderId="10" xfId="0" applyNumberFormat="1" applyFont="1" applyFill="1" applyBorder="1" applyAlignment="1">
      <alignment vertical="center" shrinkToFit="1"/>
    </xf>
    <xf numFmtId="177" fontId="5" fillId="0" borderId="21" xfId="0" applyNumberFormat="1" applyFont="1" applyFill="1" applyBorder="1" applyAlignment="1">
      <alignment horizontal="right" vertical="center" shrinkToFit="1"/>
    </xf>
    <xf numFmtId="176" fontId="3" fillId="0" borderId="10" xfId="0" applyNumberFormat="1" applyFont="1" applyFill="1" applyBorder="1" applyAlignment="1">
      <alignment horizontal="right" vertical="center" shrinkToFit="1"/>
    </xf>
    <xf numFmtId="176" fontId="3" fillId="0" borderId="18" xfId="0" applyNumberFormat="1" applyFont="1" applyFill="1" applyBorder="1" applyAlignment="1">
      <alignment horizontal="right" vertical="center" shrinkToFit="1"/>
    </xf>
    <xf numFmtId="176" fontId="3" fillId="0" borderId="16" xfId="0" applyNumberFormat="1" applyFont="1" applyFill="1" applyBorder="1" applyAlignment="1">
      <alignment horizontal="right" vertical="center" shrinkToFit="1"/>
    </xf>
    <xf numFmtId="176" fontId="3" fillId="0" borderId="10" xfId="0" applyNumberFormat="1" applyFont="1" applyFill="1" applyBorder="1" applyAlignment="1">
      <alignment vertical="center" shrinkToFit="1"/>
    </xf>
    <xf numFmtId="176" fontId="3" fillId="0" borderId="21" xfId="0" applyNumberFormat="1" applyFont="1" applyFill="1" applyBorder="1" applyAlignment="1">
      <alignment horizontal="right" vertical="center" shrinkToFit="1"/>
    </xf>
    <xf numFmtId="0" fontId="3" fillId="0" borderId="2" xfId="0" applyNumberFormat="1" applyFont="1" applyFill="1" applyBorder="1" applyAlignment="1">
      <alignment vertical="center"/>
    </xf>
    <xf numFmtId="49" fontId="4" fillId="0" borderId="3" xfId="0" applyNumberFormat="1" applyFont="1" applyFill="1" applyBorder="1" applyAlignment="1">
      <alignment vertical="center"/>
    </xf>
    <xf numFmtId="49" fontId="4" fillId="0" borderId="3" xfId="0" applyNumberFormat="1" applyFont="1" applyFill="1" applyBorder="1" applyAlignment="1">
      <alignment horizontal="right" vertical="center"/>
    </xf>
    <xf numFmtId="49" fontId="3" fillId="0" borderId="6" xfId="0" applyNumberFormat="1" applyFont="1" applyFill="1" applyBorder="1" applyAlignment="1">
      <alignment horizontal="center" vertical="center"/>
    </xf>
    <xf numFmtId="49" fontId="3" fillId="0" borderId="4" xfId="0" applyNumberFormat="1" applyFont="1" applyFill="1" applyBorder="1" applyAlignment="1">
      <alignment horizontal="center" vertical="center"/>
    </xf>
    <xf numFmtId="49" fontId="3" fillId="0" borderId="7" xfId="0" applyNumberFormat="1" applyFont="1" applyFill="1" applyBorder="1" applyAlignment="1">
      <alignment horizontal="center" vertical="center"/>
    </xf>
    <xf numFmtId="49" fontId="3" fillId="0" borderId="24" xfId="0" applyNumberFormat="1" applyFont="1" applyFill="1" applyBorder="1" applyAlignment="1">
      <alignment horizontal="center" vertical="center"/>
    </xf>
    <xf numFmtId="49" fontId="3" fillId="0" borderId="25" xfId="0" applyNumberFormat="1" applyFont="1" applyFill="1" applyBorder="1" applyAlignment="1">
      <alignment horizontal="center" vertical="center"/>
    </xf>
    <xf numFmtId="49" fontId="3" fillId="0" borderId="26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 shrinkToFit="1"/>
    </xf>
    <xf numFmtId="49" fontId="3" fillId="0" borderId="12" xfId="0" applyNumberFormat="1" applyFont="1" applyFill="1" applyBorder="1" applyAlignment="1">
      <alignment vertical="center" shrinkToFit="1"/>
    </xf>
    <xf numFmtId="49" fontId="3" fillId="0" borderId="8" xfId="0" applyNumberFormat="1" applyFont="1" applyFill="1" applyBorder="1" applyAlignment="1">
      <alignment horizontal="center" vertical="center" shrinkToFit="1"/>
    </xf>
    <xf numFmtId="49" fontId="8" fillId="0" borderId="11" xfId="0" applyNumberFormat="1" applyFont="1" applyFill="1" applyBorder="1" applyAlignment="1">
      <alignment vertical="center" shrinkToFit="1"/>
    </xf>
    <xf numFmtId="49" fontId="8" fillId="0" borderId="13" xfId="0" applyNumberFormat="1" applyFont="1" applyFill="1" applyBorder="1" applyAlignment="1">
      <alignment vertical="center" shrinkToFit="1"/>
    </xf>
    <xf numFmtId="49" fontId="5" fillId="0" borderId="10" xfId="0" quotePrefix="1" applyNumberFormat="1" applyFont="1" applyFill="1" applyBorder="1" applyAlignment="1">
      <alignment horizontal="center" vertical="center" shrinkToFit="1"/>
    </xf>
    <xf numFmtId="49" fontId="5" fillId="0" borderId="10" xfId="0" applyNumberFormat="1" applyFont="1" applyFill="1" applyBorder="1" applyAlignment="1">
      <alignment horizontal="center" vertical="center" shrinkToFit="1"/>
    </xf>
    <xf numFmtId="49" fontId="5" fillId="0" borderId="18" xfId="0" applyNumberFormat="1" applyFont="1" applyFill="1" applyBorder="1" applyAlignment="1">
      <alignment horizontal="center" vertical="center" shrinkToFit="1"/>
    </xf>
    <xf numFmtId="49" fontId="3" fillId="0" borderId="11" xfId="0" applyNumberFormat="1" applyFont="1" applyFill="1" applyBorder="1" applyAlignment="1">
      <alignment vertical="center" shrinkToFit="1"/>
    </xf>
    <xf numFmtId="49" fontId="3" fillId="0" borderId="13" xfId="0" applyNumberFormat="1" applyFont="1" applyFill="1" applyBorder="1" applyAlignment="1">
      <alignment vertical="center" shrinkToFit="1"/>
    </xf>
    <xf numFmtId="49" fontId="8" fillId="0" borderId="8" xfId="0" applyNumberFormat="1" applyFont="1" applyFill="1" applyBorder="1" applyAlignment="1">
      <alignment vertical="center" shrinkToFit="1"/>
    </xf>
    <xf numFmtId="49" fontId="8" fillId="0" borderId="9" xfId="0" applyNumberFormat="1" applyFont="1" applyFill="1" applyBorder="1" applyAlignment="1">
      <alignment vertical="center" shrinkToFit="1"/>
    </xf>
    <xf numFmtId="49" fontId="8" fillId="0" borderId="12" xfId="0" applyNumberFormat="1" applyFont="1" applyFill="1" applyBorder="1" applyAlignment="1">
      <alignment vertical="center" shrinkToFit="1"/>
    </xf>
    <xf numFmtId="49" fontId="8" fillId="0" borderId="5" xfId="0" applyNumberFormat="1" applyFont="1" applyFill="1" applyBorder="1" applyAlignment="1">
      <alignment vertical="center" shrinkToFit="1"/>
    </xf>
    <xf numFmtId="49" fontId="8" fillId="0" borderId="8" xfId="0" applyNumberFormat="1" applyFont="1" applyFill="1" applyBorder="1" applyAlignment="1">
      <alignment horizontal="center" vertical="center" shrinkToFit="1"/>
    </xf>
    <xf numFmtId="49" fontId="9" fillId="0" borderId="10" xfId="0" quotePrefix="1" applyNumberFormat="1" applyFont="1" applyFill="1" applyBorder="1" applyAlignment="1">
      <alignment horizontal="center" vertical="center" shrinkToFit="1"/>
    </xf>
    <xf numFmtId="49" fontId="9" fillId="0" borderId="18" xfId="0" applyNumberFormat="1" applyFont="1" applyFill="1" applyBorder="1" applyAlignment="1">
      <alignment horizontal="center" vertical="center" shrinkToFit="1"/>
    </xf>
    <xf numFmtId="49" fontId="9" fillId="0" borderId="10" xfId="0" applyNumberFormat="1" applyFont="1" applyFill="1" applyBorder="1" applyAlignment="1">
      <alignment horizontal="center" vertical="center" shrinkToFit="1"/>
    </xf>
    <xf numFmtId="49" fontId="6" fillId="0" borderId="24" xfId="0" applyNumberFormat="1" applyFont="1" applyFill="1" applyBorder="1" applyAlignment="1">
      <alignment horizontal="center" vertical="center"/>
    </xf>
    <xf numFmtId="49" fontId="6" fillId="0" borderId="25" xfId="0" applyNumberFormat="1" applyFont="1" applyFill="1" applyBorder="1" applyAlignment="1">
      <alignment horizontal="center" vertical="center"/>
    </xf>
    <xf numFmtId="49" fontId="6" fillId="0" borderId="26" xfId="0" applyNumberFormat="1" applyFont="1" applyFill="1" applyBorder="1" applyAlignment="1">
      <alignment horizontal="center" vertical="center"/>
    </xf>
    <xf numFmtId="49" fontId="5" fillId="0" borderId="8" xfId="0" applyNumberFormat="1" applyFont="1" applyFill="1" applyBorder="1" applyAlignment="1">
      <alignment vertical="center" shrinkToFit="1"/>
    </xf>
    <xf numFmtId="49" fontId="5" fillId="0" borderId="12" xfId="0" applyNumberFormat="1" applyFont="1" applyFill="1" applyBorder="1" applyAlignment="1">
      <alignment vertical="center" shrinkToFit="1"/>
    </xf>
    <xf numFmtId="49" fontId="5" fillId="0" borderId="8" xfId="0" applyNumberFormat="1" applyFont="1" applyFill="1" applyBorder="1" applyAlignment="1">
      <alignment horizontal="center" vertical="center" shrinkToFit="1"/>
    </xf>
    <xf numFmtId="49" fontId="8" fillId="0" borderId="10" xfId="0" quotePrefix="1" applyNumberFormat="1" applyFont="1" applyFill="1" applyBorder="1" applyAlignment="1">
      <alignment horizontal="center" vertical="center" shrinkToFit="1"/>
    </xf>
    <xf numFmtId="49" fontId="8" fillId="0" borderId="18" xfId="0" applyNumberFormat="1" applyFont="1" applyFill="1" applyBorder="1" applyAlignment="1">
      <alignment horizontal="center" vertical="center" shrinkToFit="1"/>
    </xf>
    <xf numFmtId="49" fontId="8" fillId="0" borderId="10" xfId="0" applyNumberFormat="1" applyFont="1" applyFill="1" applyBorder="1" applyAlignment="1">
      <alignment horizontal="center" vertical="center" shrinkToFit="1"/>
    </xf>
    <xf numFmtId="49" fontId="5" fillId="0" borderId="27" xfId="0" applyNumberFormat="1" applyFont="1" applyFill="1" applyBorder="1" applyAlignment="1">
      <alignment vertical="center" shrinkToFit="1"/>
    </xf>
    <xf numFmtId="49" fontId="8" fillId="0" borderId="28" xfId="0" applyNumberFormat="1" applyFont="1" applyFill="1" applyBorder="1" applyAlignment="1">
      <alignment vertical="center" shrinkToFit="1"/>
    </xf>
    <xf numFmtId="49" fontId="5" fillId="0" borderId="19" xfId="0" applyNumberFormat="1" applyFont="1" applyFill="1" applyBorder="1" applyAlignment="1">
      <alignment vertical="center" shrinkToFit="1"/>
    </xf>
    <xf numFmtId="49" fontId="8" fillId="0" borderId="20" xfId="0" applyNumberFormat="1" applyFont="1" applyFill="1" applyBorder="1" applyAlignment="1">
      <alignment vertical="center" shrinkToFit="1"/>
    </xf>
    <xf numFmtId="49" fontId="5" fillId="0" borderId="8" xfId="0" applyNumberFormat="1" applyFont="1" applyFill="1" applyBorder="1" applyAlignment="1">
      <alignment horizontal="left" vertical="center" shrinkToFit="1"/>
    </xf>
    <xf numFmtId="49" fontId="8" fillId="0" borderId="23" xfId="0" quotePrefix="1" applyNumberFormat="1" applyFont="1" applyFill="1" applyBorder="1" applyAlignment="1">
      <alignment horizontal="center" vertical="center" shrinkToFit="1"/>
    </xf>
    <xf numFmtId="49" fontId="8" fillId="0" borderId="21" xfId="0" applyNumberFormat="1" applyFont="1" applyFill="1" applyBorder="1" applyAlignment="1">
      <alignment horizontal="center" vertical="center" shrinkToFit="1"/>
    </xf>
    <xf numFmtId="49" fontId="8" fillId="0" borderId="29" xfId="0" applyNumberFormat="1" applyFont="1" applyFill="1" applyBorder="1" applyAlignment="1">
      <alignment vertical="center" shrinkToFit="1"/>
    </xf>
    <xf numFmtId="49" fontId="8" fillId="0" borderId="22" xfId="0" applyNumberFormat="1" applyFont="1" applyFill="1" applyBorder="1" applyAlignment="1">
      <alignment vertical="center" shrinkToFit="1"/>
    </xf>
    <xf numFmtId="178" fontId="0" fillId="0" borderId="23" xfId="0" applyNumberFormat="1" applyFill="1" applyBorder="1" applyAlignment="1">
      <alignment horizontal="right" vertical="center" shrinkToFit="1"/>
    </xf>
    <xf numFmtId="178" fontId="0" fillId="0" borderId="10" xfId="0" applyNumberFormat="1" applyFill="1" applyBorder="1" applyAlignment="1">
      <alignment horizontal="right" vertical="center" shrinkToFit="1"/>
    </xf>
    <xf numFmtId="178" fontId="0" fillId="0" borderId="21" xfId="0" applyNumberFormat="1" applyFill="1" applyBorder="1" applyAlignment="1">
      <alignment horizontal="right" vertical="center" shrinkToFit="1"/>
    </xf>
    <xf numFmtId="178" fontId="0" fillId="0" borderId="18" xfId="0" applyNumberFormat="1" applyFill="1" applyBorder="1" applyAlignment="1">
      <alignment horizontal="right" vertical="center" shrinkToFit="1"/>
    </xf>
    <xf numFmtId="49" fontId="3" fillId="0" borderId="6" xfId="0" applyNumberFormat="1" applyFont="1" applyFill="1" applyBorder="1" applyAlignment="1">
      <alignment vertical="center"/>
    </xf>
    <xf numFmtId="49" fontId="3" fillId="0" borderId="4" xfId="0" applyNumberFormat="1" applyFont="1" applyFill="1" applyBorder="1" applyAlignment="1">
      <alignment vertical="center"/>
    </xf>
    <xf numFmtId="49" fontId="3" fillId="0" borderId="7" xfId="0" applyNumberFormat="1" applyFont="1" applyFill="1" applyBorder="1" applyAlignment="1">
      <alignment vertical="center"/>
    </xf>
    <xf numFmtId="0" fontId="11" fillId="0" borderId="31" xfId="1" applyNumberFormat="1" applyFont="1" applyBorder="1" applyAlignment="1" applyProtection="1">
      <alignment vertical="center"/>
    </xf>
    <xf numFmtId="0" fontId="11" fillId="0" borderId="32" xfId="1" quotePrefix="1" applyNumberFormat="1" applyFont="1" applyBorder="1" applyAlignment="1" applyProtection="1">
      <alignment horizontal="center" vertical="center"/>
    </xf>
    <xf numFmtId="0" fontId="11" fillId="0" borderId="32" xfId="1" applyNumberFormat="1" applyFont="1" applyBorder="1" applyAlignment="1" applyProtection="1">
      <alignment vertical="center"/>
    </xf>
    <xf numFmtId="0" fontId="14" fillId="0" borderId="0" xfId="1" applyFont="1" applyAlignment="1">
      <alignment vertical="center"/>
    </xf>
    <xf numFmtId="0" fontId="14" fillId="0" borderId="36" xfId="1" applyNumberFormat="1" applyFont="1" applyBorder="1" applyAlignment="1" applyProtection="1">
      <alignment vertical="center"/>
    </xf>
    <xf numFmtId="0" fontId="14" fillId="0" borderId="37" xfId="1" applyNumberFormat="1" applyFont="1" applyBorder="1" applyAlignment="1" applyProtection="1">
      <alignment vertical="center"/>
    </xf>
    <xf numFmtId="0" fontId="14" fillId="0" borderId="38" xfId="1" applyNumberFormat="1" applyFont="1" applyBorder="1" applyAlignment="1" applyProtection="1">
      <alignment vertical="center"/>
    </xf>
    <xf numFmtId="0" fontId="14" fillId="0" borderId="39" xfId="1" applyNumberFormat="1" applyFont="1" applyBorder="1" applyAlignment="1" applyProtection="1">
      <alignment vertical="center"/>
    </xf>
    <xf numFmtId="0" fontId="15" fillId="0" borderId="40" xfId="1" applyNumberFormat="1" applyFont="1" applyBorder="1" applyAlignment="1" applyProtection="1">
      <alignment horizontal="center" vertical="center"/>
    </xf>
    <xf numFmtId="0" fontId="14" fillId="0" borderId="41" xfId="1" applyNumberFormat="1" applyFont="1" applyBorder="1" applyAlignment="1" applyProtection="1">
      <alignment horizontal="center" vertical="center"/>
    </xf>
    <xf numFmtId="0" fontId="14" fillId="0" borderId="42" xfId="1" applyNumberFormat="1" applyFont="1" applyBorder="1" applyAlignment="1" applyProtection="1">
      <alignment vertical="center"/>
    </xf>
    <xf numFmtId="0" fontId="15" fillId="0" borderId="41" xfId="1" applyNumberFormat="1" applyFont="1" applyBorder="1" applyAlignment="1" applyProtection="1">
      <alignment vertical="center"/>
    </xf>
    <xf numFmtId="0" fontId="14" fillId="0" borderId="41" xfId="1" applyNumberFormat="1" applyFont="1" applyBorder="1" applyAlignment="1" applyProtection="1">
      <alignment vertical="center"/>
    </xf>
    <xf numFmtId="0" fontId="14" fillId="0" borderId="43" xfId="1" applyNumberFormat="1" applyFont="1" applyBorder="1" applyAlignment="1" applyProtection="1">
      <alignment vertical="center"/>
    </xf>
    <xf numFmtId="0" fontId="14" fillId="0" borderId="44" xfId="1" applyNumberFormat="1" applyFont="1" applyBorder="1" applyAlignment="1" applyProtection="1">
      <alignment vertical="center"/>
    </xf>
    <xf numFmtId="0" fontId="15" fillId="0" borderId="41" xfId="1" quotePrefix="1" applyNumberFormat="1" applyFont="1" applyBorder="1" applyAlignment="1" applyProtection="1">
      <alignment vertical="center"/>
      <protection locked="0"/>
    </xf>
    <xf numFmtId="0" fontId="14" fillId="0" borderId="41" xfId="1" quotePrefix="1" applyNumberFormat="1" applyFont="1" applyBorder="1" applyAlignment="1" applyProtection="1">
      <alignment vertical="center"/>
      <protection locked="0"/>
    </xf>
    <xf numFmtId="0" fontId="14" fillId="0" borderId="48" xfId="1" applyNumberFormat="1" applyFont="1" applyBorder="1" applyAlignment="1" applyProtection="1">
      <alignment vertical="center"/>
    </xf>
    <xf numFmtId="0" fontId="14" fillId="0" borderId="49" xfId="1" applyNumberFormat="1" applyFont="1" applyBorder="1" applyAlignment="1" applyProtection="1"/>
    <xf numFmtId="0" fontId="14" fillId="0" borderId="37" xfId="1" applyNumberFormat="1" applyFont="1" applyBorder="1" applyAlignment="1" applyProtection="1">
      <alignment horizontal="center" shrinkToFit="1"/>
    </xf>
    <xf numFmtId="0" fontId="14" fillId="0" borderId="50" xfId="1" applyNumberFormat="1" applyFont="1" applyBorder="1" applyAlignment="1" applyProtection="1"/>
    <xf numFmtId="0" fontId="14" fillId="0" borderId="52" xfId="1" applyNumberFormat="1" applyFont="1" applyBorder="1" applyAlignment="1" applyProtection="1"/>
    <xf numFmtId="0" fontId="14" fillId="0" borderId="0" xfId="1" applyNumberFormat="1" applyFont="1" applyBorder="1" applyAlignment="1" applyProtection="1">
      <alignment horizontal="center" vertical="top" shrinkToFit="1"/>
    </xf>
    <xf numFmtId="0" fontId="14" fillId="0" borderId="53" xfId="1" applyNumberFormat="1" applyFont="1" applyBorder="1" applyAlignment="1" applyProtection="1"/>
    <xf numFmtId="0" fontId="15" fillId="0" borderId="41" xfId="1" quotePrefix="1" applyNumberFormat="1" applyFont="1" applyBorder="1" applyAlignment="1" applyProtection="1">
      <alignment vertical="center"/>
    </xf>
    <xf numFmtId="0" fontId="14" fillId="0" borderId="41" xfId="1" quotePrefix="1" applyNumberFormat="1" applyFont="1" applyBorder="1" applyAlignment="1" applyProtection="1">
      <alignment vertical="center"/>
    </xf>
    <xf numFmtId="0" fontId="14" fillId="0" borderId="49" xfId="1" applyNumberFormat="1" applyFont="1" applyBorder="1" applyAlignment="1" applyProtection="1">
      <alignment horizontal="center"/>
    </xf>
    <xf numFmtId="0" fontId="14" fillId="0" borderId="38" xfId="1" applyNumberFormat="1" applyFont="1" applyBorder="1" applyAlignment="1" applyProtection="1"/>
    <xf numFmtId="0" fontId="14" fillId="0" borderId="37" xfId="1" applyNumberFormat="1" applyFont="1" applyBorder="1" applyAlignment="1" applyProtection="1">
      <alignment horizontal="center"/>
    </xf>
    <xf numFmtId="0" fontId="14" fillId="0" borderId="37" xfId="1" applyNumberFormat="1" applyFont="1" applyBorder="1" applyAlignment="1" applyProtection="1"/>
    <xf numFmtId="0" fontId="14" fillId="0" borderId="39" xfId="1" applyNumberFormat="1" applyFont="1" applyBorder="1" applyAlignment="1" applyProtection="1"/>
    <xf numFmtId="0" fontId="14" fillId="0" borderId="51" xfId="1" applyNumberFormat="1" applyFont="1" applyBorder="1" applyAlignment="1" applyProtection="1"/>
    <xf numFmtId="0" fontId="14" fillId="0" borderId="42" xfId="1" applyNumberFormat="1" applyFont="1" applyBorder="1" applyAlignment="1" applyProtection="1"/>
    <xf numFmtId="0" fontId="14" fillId="0" borderId="41" xfId="1" applyNumberFormat="1" applyFont="1" applyBorder="1" applyAlignment="1" applyProtection="1">
      <alignment horizontal="center"/>
    </xf>
    <xf numFmtId="0" fontId="14" fillId="0" borderId="41" xfId="1" applyNumberFormat="1" applyFont="1" applyBorder="1" applyAlignment="1" applyProtection="1"/>
    <xf numFmtId="0" fontId="14" fillId="0" borderId="43" xfId="1" applyNumberFormat="1" applyFont="1" applyBorder="1" applyAlignment="1" applyProtection="1"/>
    <xf numFmtId="0" fontId="14" fillId="0" borderId="54" xfId="1" applyNumberFormat="1" applyFont="1" applyBorder="1" applyAlignment="1" applyProtection="1">
      <alignment vertical="center"/>
    </xf>
    <xf numFmtId="0" fontId="15" fillId="0" borderId="0" xfId="1" applyNumberFormat="1" applyFont="1" applyBorder="1" applyAlignment="1" applyProtection="1">
      <alignment vertical="center"/>
    </xf>
    <xf numFmtId="0" fontId="16" fillId="0" borderId="0" xfId="1" applyNumberFormat="1" applyFont="1" applyBorder="1" applyAlignment="1" applyProtection="1">
      <alignment vertical="center"/>
    </xf>
    <xf numFmtId="6" fontId="16" fillId="0" borderId="0" xfId="1" applyNumberFormat="1" applyFont="1" applyBorder="1" applyAlignment="1" applyProtection="1">
      <alignment vertical="center"/>
    </xf>
    <xf numFmtId="0" fontId="14" fillId="0" borderId="0" xfId="1" applyFont="1" applyAlignment="1">
      <alignment horizontal="right" vertical="center"/>
    </xf>
    <xf numFmtId="0" fontId="15" fillId="0" borderId="41" xfId="1" applyNumberFormat="1" applyFont="1" applyBorder="1" applyAlignment="1" applyProtection="1">
      <alignment vertical="center"/>
      <protection locked="0"/>
    </xf>
    <xf numFmtId="179" fontId="15" fillId="0" borderId="41" xfId="1" applyNumberFormat="1" applyFont="1" applyBorder="1" applyAlignment="1" applyProtection="1">
      <alignment vertical="center"/>
    </xf>
    <xf numFmtId="0" fontId="14" fillId="0" borderId="57" xfId="1" applyNumberFormat="1" applyFont="1" applyBorder="1" applyAlignment="1" applyProtection="1">
      <alignment vertical="center"/>
      <protection locked="0"/>
    </xf>
    <xf numFmtId="0" fontId="14" fillId="0" borderId="0" xfId="1" applyNumberFormat="1" applyFont="1" applyBorder="1" applyAlignment="1" applyProtection="1">
      <alignment vertical="center"/>
      <protection locked="0"/>
    </xf>
    <xf numFmtId="0" fontId="14" fillId="0" borderId="0" xfId="1" applyNumberFormat="1" applyFont="1" applyBorder="1" applyAlignment="1" applyProtection="1">
      <alignment vertical="center"/>
    </xf>
    <xf numFmtId="0" fontId="14" fillId="0" borderId="58" xfId="1" applyNumberFormat="1" applyFont="1" applyBorder="1" applyAlignment="1" applyProtection="1">
      <alignment vertical="center"/>
    </xf>
    <xf numFmtId="0" fontId="14" fillId="0" borderId="59" xfId="1" applyNumberFormat="1" applyFont="1" applyBorder="1" applyAlignment="1" applyProtection="1">
      <alignment vertical="center"/>
    </xf>
    <xf numFmtId="0" fontId="14" fillId="0" borderId="60" xfId="1" applyNumberFormat="1" applyFont="1" applyBorder="1" applyAlignment="1" applyProtection="1">
      <alignment vertical="center"/>
      <protection locked="0"/>
    </xf>
    <xf numFmtId="0" fontId="14" fillId="0" borderId="61" xfId="1" applyNumberFormat="1" applyFont="1" applyBorder="1" applyAlignment="1" applyProtection="1">
      <alignment vertical="center"/>
      <protection locked="0"/>
    </xf>
    <xf numFmtId="0" fontId="14" fillId="0" borderId="61" xfId="1" applyNumberFormat="1" applyFont="1" applyBorder="1" applyAlignment="1" applyProtection="1">
      <alignment vertical="center"/>
    </xf>
    <xf numFmtId="0" fontId="14" fillId="0" borderId="62" xfId="1" applyNumberFormat="1" applyFont="1" applyBorder="1" applyAlignment="1" applyProtection="1">
      <alignment vertical="center"/>
    </xf>
    <xf numFmtId="0" fontId="14" fillId="0" borderId="63" xfId="1" applyNumberFormat="1" applyFont="1" applyBorder="1" applyAlignment="1" applyProtection="1">
      <alignment vertical="center"/>
      <protection locked="0"/>
    </xf>
    <xf numFmtId="0" fontId="14" fillId="0" borderId="64" xfId="1" applyNumberFormat="1" applyFont="1" applyBorder="1" applyAlignment="1" applyProtection="1">
      <alignment vertical="center"/>
    </xf>
    <xf numFmtId="0" fontId="14" fillId="0" borderId="0" xfId="1" applyNumberFormat="1" applyFont="1" applyAlignment="1" applyProtection="1">
      <alignment vertical="center"/>
    </xf>
    <xf numFmtId="0" fontId="14" fillId="0" borderId="0" xfId="1" applyNumberFormat="1" applyFont="1" applyAlignment="1" applyProtection="1">
      <alignment horizontal="right" vertical="center"/>
    </xf>
    <xf numFmtId="0" fontId="15" fillId="0" borderId="55" xfId="1" applyNumberFormat="1" applyFont="1" applyBorder="1" applyAlignment="1" applyProtection="1">
      <alignment horizontal="center" vertical="center"/>
    </xf>
    <xf numFmtId="0" fontId="15" fillId="0" borderId="46" xfId="1" applyNumberFormat="1" applyFont="1" applyBorder="1" applyAlignment="1" applyProtection="1">
      <alignment horizontal="center" vertical="center"/>
    </xf>
    <xf numFmtId="0" fontId="15" fillId="0" borderId="56" xfId="1" applyNumberFormat="1" applyFont="1" applyBorder="1" applyAlignment="1" applyProtection="1">
      <alignment horizontal="center" vertical="center"/>
    </xf>
    <xf numFmtId="0" fontId="15" fillId="0" borderId="45" xfId="1" applyNumberFormat="1" applyFont="1" applyBorder="1" applyAlignment="1" applyProtection="1">
      <alignment horizontal="center" vertical="center"/>
    </xf>
    <xf numFmtId="0" fontId="15" fillId="0" borderId="47" xfId="1" applyNumberFormat="1" applyFont="1" applyBorder="1" applyAlignment="1" applyProtection="1">
      <alignment horizontal="center" vertical="center"/>
    </xf>
    <xf numFmtId="0" fontId="15" fillId="0" borderId="40" xfId="1" applyNumberFormat="1" applyFont="1" applyBorder="1" applyAlignment="1" applyProtection="1">
      <alignment horizontal="center" vertical="center"/>
    </xf>
    <xf numFmtId="0" fontId="15" fillId="0" borderId="41" xfId="1" applyNumberFormat="1" applyFont="1" applyBorder="1" applyAlignment="1" applyProtection="1">
      <alignment horizontal="center" vertical="center"/>
    </xf>
    <xf numFmtId="0" fontId="15" fillId="0" borderId="48" xfId="1" applyNumberFormat="1" applyFont="1" applyBorder="1" applyAlignment="1" applyProtection="1">
      <alignment horizontal="center" vertical="center"/>
    </xf>
    <xf numFmtId="0" fontId="14" fillId="0" borderId="45" xfId="1" applyNumberFormat="1" applyFont="1" applyBorder="1" applyAlignment="1" applyProtection="1">
      <alignment horizontal="center" vertical="center" justifyLastLine="1"/>
    </xf>
    <xf numFmtId="0" fontId="14" fillId="0" borderId="46" xfId="1" applyNumberFormat="1" applyFont="1" applyBorder="1" applyAlignment="1" applyProtection="1">
      <alignment horizontal="center" vertical="center" justifyLastLine="1"/>
    </xf>
    <xf numFmtId="0" fontId="14" fillId="0" borderId="47" xfId="1" applyNumberFormat="1" applyFont="1" applyBorder="1" applyAlignment="1" applyProtection="1">
      <alignment horizontal="center" vertical="center" justifyLastLine="1"/>
    </xf>
    <xf numFmtId="0" fontId="14" fillId="0" borderId="49" xfId="1" applyNumberFormat="1" applyFont="1" applyBorder="1" applyAlignment="1" applyProtection="1">
      <alignment horizontal="center" vertical="center"/>
    </xf>
    <xf numFmtId="0" fontId="14" fillId="0" borderId="51" xfId="1" applyNumberFormat="1" applyFont="1" applyBorder="1" applyAlignment="1" applyProtection="1">
      <alignment horizontal="center" vertical="center"/>
    </xf>
    <xf numFmtId="0" fontId="11" fillId="0" borderId="33" xfId="1" applyNumberFormat="1" applyFont="1" applyBorder="1" applyAlignment="1" applyProtection="1">
      <alignment horizontal="center" vertical="center"/>
    </xf>
    <xf numFmtId="0" fontId="11" fillId="0" borderId="32" xfId="1" applyNumberFormat="1" applyFont="1" applyBorder="1" applyAlignment="1" applyProtection="1">
      <alignment horizontal="center" vertical="center"/>
    </xf>
    <xf numFmtId="0" fontId="11" fillId="0" borderId="34" xfId="1" applyNumberFormat="1" applyFont="1" applyBorder="1" applyAlignment="1" applyProtection="1">
      <alignment horizontal="center" vertical="center"/>
    </xf>
    <xf numFmtId="0" fontId="13" fillId="0" borderId="33" xfId="1" applyNumberFormat="1" applyFont="1" applyBorder="1" applyAlignment="1" applyProtection="1">
      <alignment horizontal="center" vertical="center"/>
    </xf>
    <xf numFmtId="0" fontId="13" fillId="0" borderId="32" xfId="1" applyNumberFormat="1" applyFont="1" applyBorder="1" applyAlignment="1" applyProtection="1">
      <alignment horizontal="center" vertical="center"/>
    </xf>
    <xf numFmtId="0" fontId="13" fillId="0" borderId="34" xfId="1" applyNumberFormat="1" applyFont="1" applyBorder="1" applyAlignment="1" applyProtection="1">
      <alignment horizontal="center" vertical="center"/>
    </xf>
    <xf numFmtId="0" fontId="11" fillId="0" borderId="35" xfId="1" applyNumberFormat="1" applyFont="1" applyBorder="1" applyAlignment="1" applyProtection="1">
      <alignment horizontal="center" vertical="center"/>
    </xf>
    <xf numFmtId="49" fontId="3" fillId="0" borderId="30" xfId="0" applyNumberFormat="1" applyFont="1" applyFill="1" applyBorder="1" applyAlignment="1">
      <alignment vertical="center" shrinkToFit="1"/>
    </xf>
    <xf numFmtId="49" fontId="3" fillId="0" borderId="6" xfId="0" applyNumberFormat="1" applyFont="1" applyFill="1" applyBorder="1" applyAlignment="1">
      <alignment vertical="center" shrinkToFit="1"/>
    </xf>
    <xf numFmtId="49" fontId="3" fillId="0" borderId="4" xfId="0" applyNumberFormat="1" applyFont="1" applyFill="1" applyBorder="1" applyAlignment="1">
      <alignment vertical="center" shrinkToFit="1"/>
    </xf>
    <xf numFmtId="49" fontId="3" fillId="0" borderId="7" xfId="0" applyNumberFormat="1" applyFont="1" applyFill="1" applyBorder="1" applyAlignment="1">
      <alignment vertical="center" shrinkToFit="1"/>
    </xf>
  </cellXfs>
  <cellStyles count="166">
    <cellStyle name="æØè [0.00]" xfId="3"/>
    <cellStyle name="æØè [0.00] 2" xfId="4"/>
    <cellStyle name="ÊÝ [0.00]" xfId="5"/>
    <cellStyle name="ÊÝ [0.00] 2" xfId="6"/>
    <cellStyle name="0" xfId="7"/>
    <cellStyle name="１" xfId="8"/>
    <cellStyle name="１０スタイル" xfId="9"/>
    <cellStyle name="121" xfId="10"/>
    <cellStyle name="20% - アクセント 1 2" xfId="11"/>
    <cellStyle name="20% - アクセント 2 2" xfId="12"/>
    <cellStyle name="20% - アクセント 3 2" xfId="13"/>
    <cellStyle name="20% - アクセント 4 2" xfId="14"/>
    <cellStyle name="20% - アクセント 6 2" xfId="15"/>
    <cellStyle name="40% - アクセント 1 2" xfId="16"/>
    <cellStyle name="40% - アクセント 3 2" xfId="17"/>
    <cellStyle name="40% - アクセント 4 2" xfId="18"/>
    <cellStyle name="40% - アクセント 5 2" xfId="19"/>
    <cellStyle name="40% - アクセント 6 2" xfId="20"/>
    <cellStyle name="60% - アクセント 1 2" xfId="21"/>
    <cellStyle name="60% - アクセント 2 2" xfId="22"/>
    <cellStyle name="60% - アクセント 3 2" xfId="23"/>
    <cellStyle name="60% - アクセント 4 2" xfId="24"/>
    <cellStyle name="60% - アクセント 5 2" xfId="25"/>
    <cellStyle name="60% - アクセント 6 2" xfId="26"/>
    <cellStyle name="Arial 10" xfId="27"/>
    <cellStyle name="Arial 12" xfId="28"/>
    <cellStyle name="Arial 8" xfId="29"/>
    <cellStyle name="Calc Currency (0)" xfId="30"/>
    <cellStyle name="Calc Currency (0) 2" xfId="31"/>
    <cellStyle name="Calc Currency (0) 3" xfId="32"/>
    <cellStyle name="Calc Currency (0)_140424_羽津ポンプ場設計書（鋼製加工品のみとする）" xfId="33"/>
    <cellStyle name="Comma [0]_laroux" xfId="34"/>
    <cellStyle name="Comma_laroux" xfId="35"/>
    <cellStyle name="COMP定番表書式" xfId="36"/>
    <cellStyle name="Currency [0]_laroux" xfId="37"/>
    <cellStyle name="Currency_laroux" xfId="38"/>
    <cellStyle name="entry" xfId="39"/>
    <cellStyle name="Grey" xfId="40"/>
    <cellStyle name="Header1" xfId="41"/>
    <cellStyle name="Header2" xfId="42"/>
    <cellStyle name="Input [yellow]" xfId="43"/>
    <cellStyle name="ＭＳゴシック　10" xfId="44"/>
    <cellStyle name="ＭＳゴシック 12" xfId="45"/>
    <cellStyle name="Normal - Style1" xfId="46"/>
    <cellStyle name="Normal - Style1 2" xfId="47"/>
    <cellStyle name="Normal_#18-Internet" xfId="48"/>
    <cellStyle name="ORG" xfId="49"/>
    <cellStyle name="Percent [2]" xfId="50"/>
    <cellStyle name="price" xfId="51"/>
    <cellStyle name="PSChar" xfId="52"/>
    <cellStyle name="PSHeading" xfId="53"/>
    <cellStyle name="revised" xfId="54"/>
    <cellStyle name="sc5" xfId="55"/>
    <cellStyle name="sc7" xfId="56"/>
    <cellStyle name="section" xfId="57"/>
    <cellStyle name="Standard_COST INPUT SHEET" xfId="58"/>
    <cellStyle name="STYL0 - スタイル1" xfId="59"/>
    <cellStyle name="STYL1 - スタイル2" xfId="60"/>
    <cellStyle name="STYL2 - スタイル3" xfId="61"/>
    <cellStyle name="STYL3 - スタイル4" xfId="62"/>
    <cellStyle name="STYL4 - スタイル5" xfId="63"/>
    <cellStyle name="STYL5 - スタイル6" xfId="64"/>
    <cellStyle name="STYL6 - スタイル7" xfId="65"/>
    <cellStyle name="STYL7 - スタイル8" xfId="66"/>
    <cellStyle name="subhead" xfId="67"/>
    <cellStyle name="SYUUKEI" xfId="68"/>
    <cellStyle name="title" xfId="69"/>
    <cellStyle name="アクセント 1 2" xfId="70"/>
    <cellStyle name="アクセント 2 2" xfId="71"/>
    <cellStyle name="アクセント 3 2" xfId="72"/>
    <cellStyle name="アクセント 4 2" xfId="73"/>
    <cellStyle name="アクセント 6 2" xfId="74"/>
    <cellStyle name="タイトル 2" xfId="75"/>
    <cellStyle name="どちらでもない 2" xfId="76"/>
    <cellStyle name="パーセント 2" xfId="77"/>
    <cellStyle name="パーセント 3" xfId="78"/>
    <cellStyle name="パーセント 4" xfId="79"/>
    <cellStyle name="ﾌｫﾝﾄ変更" xfId="80"/>
    <cellStyle name="メモ 2" xfId="81"/>
    <cellStyle name="リンク" xfId="82"/>
    <cellStyle name="リンク セル 2" xfId="83"/>
    <cellStyle name="悪い 2" xfId="84"/>
    <cellStyle name="下段_0" xfId="85"/>
    <cellStyle name="会社名" xfId="86"/>
    <cellStyle name="強調" xfId="87"/>
    <cellStyle name="金額" xfId="88"/>
    <cellStyle name="計算 2" xfId="89"/>
    <cellStyle name="桁蟻唇Ｆ [0.00]_laroux" xfId="90"/>
    <cellStyle name="桁蟻唇Ｆ_laroux" xfId="91"/>
    <cellStyle name="桁区切り [0.0]" xfId="92"/>
    <cellStyle name="桁区切り 2" xfId="2"/>
    <cellStyle name="桁区切り 2 2" xfId="93"/>
    <cellStyle name="桁区切り 2 2 2" xfId="94"/>
    <cellStyle name="桁区切り 2 3" xfId="95"/>
    <cellStyle name="桁区切り 3" xfId="96"/>
    <cellStyle name="桁区切り 3 2" xfId="97"/>
    <cellStyle name="桁区切り 4" xfId="98"/>
    <cellStyle name="桁区切り 4 2" xfId="99"/>
    <cellStyle name="桁区切り（０なし）" xfId="100"/>
    <cellStyle name="桁区切り（０なし） 2" xfId="101"/>
    <cellStyle name="見出し" xfId="102"/>
    <cellStyle name="見出し 1 2" xfId="103"/>
    <cellStyle name="見出し 2 2" xfId="104"/>
    <cellStyle name="見出し 3 2" xfId="105"/>
    <cellStyle name="見出し 4 2" xfId="106"/>
    <cellStyle name="見積桁区切り" xfId="107"/>
    <cellStyle name="見積-桁区切り" xfId="108"/>
    <cellStyle name="見積-通貨記号" xfId="109"/>
    <cellStyle name="個" xfId="110"/>
    <cellStyle name="個_仕切弁きょう" xfId="111"/>
    <cellStyle name="個_仕切弁きょう(千本)" xfId="112"/>
    <cellStyle name="個_仕切弁きょう静市" xfId="113"/>
    <cellStyle name="個_仕切弁きょう堀川" xfId="114"/>
    <cellStyle name="個_支給材料東半木町" xfId="115"/>
    <cellStyle name="個_数量" xfId="116"/>
    <cellStyle name="個_数量(一乗寺)" xfId="117"/>
    <cellStyle name="個_数量(吉田)" xfId="118"/>
    <cellStyle name="個_数量(四条大宮)" xfId="119"/>
    <cellStyle name="個_数量1" xfId="120"/>
    <cellStyle name="個_数量2" xfId="121"/>
    <cellStyle name="個_数量蹴上(修正後)" xfId="122"/>
    <cellStyle name="工期算定表" xfId="123"/>
    <cellStyle name="左官" xfId="124"/>
    <cellStyle name="集計 2" xfId="125"/>
    <cellStyle name="出力 2" xfId="126"/>
    <cellStyle name="上段_0" xfId="127"/>
    <cellStyle name="数量" xfId="128"/>
    <cellStyle name="数量計算" xfId="129"/>
    <cellStyle name="数量計算 2" xfId="130"/>
    <cellStyle name="積算" xfId="131"/>
    <cellStyle name="脱浦 [0.00]_１結右" xfId="132"/>
    <cellStyle name="脱浦_１結右" xfId="133"/>
    <cellStyle name="帳票" xfId="134"/>
    <cellStyle name="通貨 2" xfId="135"/>
    <cellStyle name="土木断面" xfId="136"/>
    <cellStyle name="内訳書" xfId="137"/>
    <cellStyle name="日付用" xfId="138"/>
    <cellStyle name="入力 2" xfId="139"/>
    <cellStyle name="破線" xfId="140"/>
    <cellStyle name="標準" xfId="0" builtinId="0"/>
    <cellStyle name="標準 10" xfId="141"/>
    <cellStyle name="標準 11" xfId="142"/>
    <cellStyle name="標準 12" xfId="143"/>
    <cellStyle name="標準 2" xfId="1"/>
    <cellStyle name="標準 2 2" xfId="144"/>
    <cellStyle name="標準 2 2 2" xfId="145"/>
    <cellStyle name="標準 2 3" xfId="146"/>
    <cellStyle name="標準 2_■改善版　 日永浄化センター第１系統№2ブロワ分解修繕設計書" xfId="147"/>
    <cellStyle name="標準 3" xfId="148"/>
    <cellStyle name="標準 3 2" xfId="149"/>
    <cellStyle name="標準 4" xfId="150"/>
    <cellStyle name="標準 5" xfId="151"/>
    <cellStyle name="標準 6" xfId="152"/>
    <cellStyle name="標準 7" xfId="153"/>
    <cellStyle name="標準 8" xfId="154"/>
    <cellStyle name="標準 9" xfId="155"/>
    <cellStyle name="標準２" xfId="156"/>
    <cellStyle name="標準A" xfId="157"/>
    <cellStyle name="標準Ａ" xfId="158"/>
    <cellStyle name="標準戻し" xfId="159"/>
    <cellStyle name="表紙" xfId="160"/>
    <cellStyle name="別紙明細" xfId="161"/>
    <cellStyle name="未定義" xfId="162"/>
    <cellStyle name="未定義 2" xfId="163"/>
    <cellStyle name="未定義 2 2" xfId="164"/>
    <cellStyle name="良い 2" xfId="16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externalLink" Target="externalLinks/externalLink5.xml"/><Relationship Id="rId39" Type="http://schemas.openxmlformats.org/officeDocument/2006/relationships/externalLink" Target="externalLinks/externalLink18.xml"/><Relationship Id="rId21" Type="http://schemas.openxmlformats.org/officeDocument/2006/relationships/worksheet" Target="worksheets/sheet21.xml"/><Relationship Id="rId34" Type="http://schemas.openxmlformats.org/officeDocument/2006/relationships/externalLink" Target="externalLinks/externalLink13.xml"/><Relationship Id="rId42" Type="http://schemas.openxmlformats.org/officeDocument/2006/relationships/externalLink" Target="externalLinks/externalLink21.xml"/><Relationship Id="rId47" Type="http://schemas.openxmlformats.org/officeDocument/2006/relationships/externalLink" Target="externalLinks/externalLink26.xml"/><Relationship Id="rId50" Type="http://schemas.openxmlformats.org/officeDocument/2006/relationships/externalLink" Target="externalLinks/externalLink29.xml"/><Relationship Id="rId55" Type="http://schemas.openxmlformats.org/officeDocument/2006/relationships/externalLink" Target="externalLinks/externalLink34.xml"/><Relationship Id="rId63" Type="http://schemas.openxmlformats.org/officeDocument/2006/relationships/externalLink" Target="externalLinks/externalLink42.xml"/><Relationship Id="rId68" Type="http://schemas.openxmlformats.org/officeDocument/2006/relationships/externalLink" Target="externalLinks/externalLink47.xml"/><Relationship Id="rId7" Type="http://schemas.openxmlformats.org/officeDocument/2006/relationships/worksheet" Target="worksheets/sheet7.xml"/><Relationship Id="rId71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externalLink" Target="externalLinks/externalLink8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3.xml"/><Relationship Id="rId32" Type="http://schemas.openxmlformats.org/officeDocument/2006/relationships/externalLink" Target="externalLinks/externalLink11.xml"/><Relationship Id="rId37" Type="http://schemas.openxmlformats.org/officeDocument/2006/relationships/externalLink" Target="externalLinks/externalLink16.xml"/><Relationship Id="rId40" Type="http://schemas.openxmlformats.org/officeDocument/2006/relationships/externalLink" Target="externalLinks/externalLink19.xml"/><Relationship Id="rId45" Type="http://schemas.openxmlformats.org/officeDocument/2006/relationships/externalLink" Target="externalLinks/externalLink24.xml"/><Relationship Id="rId53" Type="http://schemas.openxmlformats.org/officeDocument/2006/relationships/externalLink" Target="externalLinks/externalLink32.xml"/><Relationship Id="rId58" Type="http://schemas.openxmlformats.org/officeDocument/2006/relationships/externalLink" Target="externalLinks/externalLink37.xml"/><Relationship Id="rId66" Type="http://schemas.openxmlformats.org/officeDocument/2006/relationships/externalLink" Target="externalLinks/externalLink45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externalLink" Target="externalLinks/externalLink2.xml"/><Relationship Id="rId28" Type="http://schemas.openxmlformats.org/officeDocument/2006/relationships/externalLink" Target="externalLinks/externalLink7.xml"/><Relationship Id="rId36" Type="http://schemas.openxmlformats.org/officeDocument/2006/relationships/externalLink" Target="externalLinks/externalLink15.xml"/><Relationship Id="rId49" Type="http://schemas.openxmlformats.org/officeDocument/2006/relationships/externalLink" Target="externalLinks/externalLink28.xml"/><Relationship Id="rId57" Type="http://schemas.openxmlformats.org/officeDocument/2006/relationships/externalLink" Target="externalLinks/externalLink36.xml"/><Relationship Id="rId61" Type="http://schemas.openxmlformats.org/officeDocument/2006/relationships/externalLink" Target="externalLinks/externalLink40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externalLink" Target="externalLinks/externalLink10.xml"/><Relationship Id="rId44" Type="http://schemas.openxmlformats.org/officeDocument/2006/relationships/externalLink" Target="externalLinks/externalLink23.xml"/><Relationship Id="rId52" Type="http://schemas.openxmlformats.org/officeDocument/2006/relationships/externalLink" Target="externalLinks/externalLink31.xml"/><Relationship Id="rId60" Type="http://schemas.openxmlformats.org/officeDocument/2006/relationships/externalLink" Target="externalLinks/externalLink39.xml"/><Relationship Id="rId65" Type="http://schemas.openxmlformats.org/officeDocument/2006/relationships/externalLink" Target="externalLinks/externalLink44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1.xml"/><Relationship Id="rId27" Type="http://schemas.openxmlformats.org/officeDocument/2006/relationships/externalLink" Target="externalLinks/externalLink6.xml"/><Relationship Id="rId30" Type="http://schemas.openxmlformats.org/officeDocument/2006/relationships/externalLink" Target="externalLinks/externalLink9.xml"/><Relationship Id="rId35" Type="http://schemas.openxmlformats.org/officeDocument/2006/relationships/externalLink" Target="externalLinks/externalLink14.xml"/><Relationship Id="rId43" Type="http://schemas.openxmlformats.org/officeDocument/2006/relationships/externalLink" Target="externalLinks/externalLink22.xml"/><Relationship Id="rId48" Type="http://schemas.openxmlformats.org/officeDocument/2006/relationships/externalLink" Target="externalLinks/externalLink27.xml"/><Relationship Id="rId56" Type="http://schemas.openxmlformats.org/officeDocument/2006/relationships/externalLink" Target="externalLinks/externalLink35.xml"/><Relationship Id="rId64" Type="http://schemas.openxmlformats.org/officeDocument/2006/relationships/externalLink" Target="externalLinks/externalLink43.xml"/><Relationship Id="rId69" Type="http://schemas.openxmlformats.org/officeDocument/2006/relationships/externalLink" Target="externalLinks/externalLink48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30.xml"/><Relationship Id="rId72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externalLink" Target="externalLinks/externalLink4.xml"/><Relationship Id="rId33" Type="http://schemas.openxmlformats.org/officeDocument/2006/relationships/externalLink" Target="externalLinks/externalLink12.xml"/><Relationship Id="rId38" Type="http://schemas.openxmlformats.org/officeDocument/2006/relationships/externalLink" Target="externalLinks/externalLink17.xml"/><Relationship Id="rId46" Type="http://schemas.openxmlformats.org/officeDocument/2006/relationships/externalLink" Target="externalLinks/externalLink25.xml"/><Relationship Id="rId59" Type="http://schemas.openxmlformats.org/officeDocument/2006/relationships/externalLink" Target="externalLinks/externalLink38.xml"/><Relationship Id="rId67" Type="http://schemas.openxmlformats.org/officeDocument/2006/relationships/externalLink" Target="externalLinks/externalLink46.xml"/><Relationship Id="rId20" Type="http://schemas.openxmlformats.org/officeDocument/2006/relationships/worksheet" Target="worksheets/sheet20.xml"/><Relationship Id="rId41" Type="http://schemas.openxmlformats.org/officeDocument/2006/relationships/externalLink" Target="externalLinks/externalLink20.xml"/><Relationship Id="rId54" Type="http://schemas.openxmlformats.org/officeDocument/2006/relationships/externalLink" Target="externalLinks/externalLink33.xml"/><Relationship Id="rId62" Type="http://schemas.openxmlformats.org/officeDocument/2006/relationships/externalLink" Target="externalLinks/externalLink41.xml"/><Relationship Id="rId70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Users\i96015\AppData\Local\Temp\notes6030C8\&#37329;&#20837;&#35373;&#35336;&#26360;&#65288;&#20195;&#20385;&#34920;&#12469;&#12531;&#12503;&#12523;&#65289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EXCEL_DAT\&#20869;&#35379;&#35336;&#31639;&#26360;\&#21336;&#20385;&#34920;&#12289;&#25490;&#27700;&#26717;&#20195;&#20385;&#3492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335;&#37096;&#35373;&#35336;&#26360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069;&#24029;&#24037;&#20107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&#19979;&#27700;&#26045;&#35373;&#35506;\&#19979;&#27700;&#26045;&#35373;&#35506;\&#26441;&#23665;\&#65298;&#65300;&#24180;&#24230;\&#21512;&#27969;&#25913;&#21892;&#28382;&#27700;&#27744;&#38651;&#27671;&#35373;&#20633;&#24037;&#20107;\&#35373;&#35336;&#26360;\&#21512;&#27969;&#25913;&#21892;&#38651;&#27671;&#35373;&#35336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&#27231;&#26800;&#35373;&#20633;&#21336;&#20385;&#34920;\H22&#27231;&#26800;&#21336;&#20385;\C&#34907;&#29983;&#22120;&#20855;&#35373;&#20633;2010&#23436;&#25104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41">
          <cell r="A41" t="str">
            <v>直接仮設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  <row r="3">
          <cell r="AP3" t="str">
            <v>/CA10.aa10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最低制限価格算出"/>
      <sheetName val="入力表"/>
      <sheetName val="設計書"/>
      <sheetName val="内訳書"/>
      <sheetName val="明細書(1)"/>
      <sheetName val="明細書 (2)"/>
      <sheetName val="刊行物比較表"/>
      <sheetName val="刊行物比較表 (2)"/>
      <sheetName val="経費計算書"/>
      <sheetName val="見積"/>
      <sheetName val="明電舎"/>
      <sheetName val="見積査定基準"/>
      <sheetName val="施工条件明示一覧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">
          <cell r="A2" t="str">
            <v>工事名</v>
          </cell>
          <cell r="B2" t="str">
            <v>合流改善用滞水池 電気設備工事</v>
          </cell>
        </row>
        <row r="4">
          <cell r="A4" t="str">
            <v>経費計算書（電気設備）</v>
          </cell>
          <cell r="F4" t="str">
            <v>金　　額</v>
          </cell>
          <cell r="M4" t="str">
            <v>電気設備（2011/05/31版）</v>
          </cell>
        </row>
        <row r="5">
          <cell r="A5" t="str">
            <v>費目、工種</v>
          </cell>
          <cell r="B5" t="str">
            <v>種　　別</v>
          </cell>
          <cell r="C5" t="str">
            <v>細　　別</v>
          </cell>
          <cell r="D5" t="str">
            <v>単　位</v>
          </cell>
          <cell r="E5" t="str">
            <v>数　量</v>
          </cell>
          <cell r="F5" t="str">
            <v>全体分</v>
          </cell>
          <cell r="G5" t="str">
            <v>補助</v>
          </cell>
          <cell r="H5" t="str">
            <v>単費</v>
          </cell>
          <cell r="L5" t="str">
            <v>備　　　　考</v>
          </cell>
        </row>
        <row r="6">
          <cell r="A6" t="str">
            <v>本工事費</v>
          </cell>
        </row>
        <row r="8">
          <cell r="A8" t="str">
            <v>機器費</v>
          </cell>
          <cell r="D8" t="str">
            <v>式</v>
          </cell>
          <cell r="E8">
            <v>1</v>
          </cell>
          <cell r="F8">
            <v>73518000</v>
          </cell>
          <cell r="G8">
            <v>73518000</v>
          </cell>
          <cell r="H8">
            <v>0</v>
          </cell>
        </row>
        <row r="9">
          <cell r="A9" t="str">
            <v>機器費小計</v>
          </cell>
          <cell r="F9">
            <v>73518000</v>
          </cell>
          <cell r="G9">
            <v>73518000</v>
          </cell>
          <cell r="H9">
            <v>0</v>
          </cell>
        </row>
        <row r="10">
          <cell r="A10" t="str">
            <v>直接工事費</v>
          </cell>
          <cell r="B10" t="str">
            <v>輸送費</v>
          </cell>
          <cell r="D10" t="str">
            <v>式</v>
          </cell>
          <cell r="E10">
            <v>1</v>
          </cell>
          <cell r="F10">
            <v>56000</v>
          </cell>
          <cell r="G10">
            <v>56000</v>
          </cell>
          <cell r="H10">
            <v>0</v>
          </cell>
        </row>
        <row r="11">
          <cell r="C11" t="str">
            <v>輸送費小計</v>
          </cell>
          <cell r="F11">
            <v>56000</v>
          </cell>
          <cell r="G11">
            <v>56000</v>
          </cell>
          <cell r="H11">
            <v>0</v>
          </cell>
        </row>
        <row r="12">
          <cell r="B12" t="str">
            <v>材料費</v>
          </cell>
          <cell r="C12" t="str">
            <v>直接材料費</v>
          </cell>
          <cell r="D12" t="str">
            <v>式</v>
          </cell>
          <cell r="E12">
            <v>1</v>
          </cell>
          <cell r="F12">
            <v>1999275.4249999998</v>
          </cell>
          <cell r="G12">
            <v>1999275.4249999998</v>
          </cell>
          <cell r="H12">
            <v>0</v>
          </cell>
        </row>
        <row r="13">
          <cell r="C13" t="str">
            <v>補助材料費</v>
          </cell>
          <cell r="D13" t="str">
            <v>式</v>
          </cell>
          <cell r="E13">
            <v>1</v>
          </cell>
          <cell r="F13">
            <v>79971</v>
          </cell>
          <cell r="G13">
            <v>79971</v>
          </cell>
          <cell r="H13">
            <v>0</v>
          </cell>
          <cell r="I13">
            <v>0.04</v>
          </cell>
        </row>
        <row r="14">
          <cell r="C14" t="str">
            <v>材料費小計</v>
          </cell>
          <cell r="F14">
            <v>2079246.4249999998</v>
          </cell>
          <cell r="G14">
            <v>2079246.4249999998</v>
          </cell>
          <cell r="H14">
            <v>0</v>
          </cell>
        </row>
        <row r="15">
          <cell r="B15" t="str">
            <v>労務費</v>
          </cell>
          <cell r="C15" t="str">
            <v>一般労務費</v>
          </cell>
          <cell r="D15" t="str">
            <v>式</v>
          </cell>
          <cell r="E15">
            <v>1</v>
          </cell>
          <cell r="F15">
            <v>2996800</v>
          </cell>
          <cell r="G15">
            <v>2996800</v>
          </cell>
          <cell r="H15">
            <v>0</v>
          </cell>
        </row>
        <row r="16">
          <cell r="C16" t="str">
            <v>技術労務費</v>
          </cell>
          <cell r="D16" t="str">
            <v>式</v>
          </cell>
          <cell r="E16">
            <v>1</v>
          </cell>
          <cell r="F16">
            <v>536000</v>
          </cell>
          <cell r="G16">
            <v>536000</v>
          </cell>
          <cell r="H16">
            <v>0</v>
          </cell>
        </row>
        <row r="17">
          <cell r="C17" t="str">
            <v>労務費小計</v>
          </cell>
          <cell r="F17">
            <v>3532800</v>
          </cell>
          <cell r="G17">
            <v>3532800</v>
          </cell>
          <cell r="H17">
            <v>0</v>
          </cell>
        </row>
        <row r="18">
          <cell r="B18" t="str">
            <v>複合工費</v>
          </cell>
          <cell r="D18" t="str">
            <v>式</v>
          </cell>
          <cell r="E18">
            <v>1</v>
          </cell>
          <cell r="F18">
            <v>853467</v>
          </cell>
          <cell r="G18">
            <v>853467</v>
          </cell>
          <cell r="H18">
            <v>0</v>
          </cell>
        </row>
        <row r="19">
          <cell r="C19" t="str">
            <v>複合工費小計</v>
          </cell>
          <cell r="F19">
            <v>853467</v>
          </cell>
          <cell r="G19">
            <v>853467</v>
          </cell>
          <cell r="H19">
            <v>0</v>
          </cell>
        </row>
        <row r="20">
          <cell r="B20" t="str">
            <v>直接経費</v>
          </cell>
          <cell r="C20" t="str">
            <v>特許使用料</v>
          </cell>
          <cell r="D20" t="str">
            <v>式</v>
          </cell>
          <cell r="E20">
            <v>1</v>
          </cell>
          <cell r="F20">
            <v>0</v>
          </cell>
          <cell r="G20">
            <v>0</v>
          </cell>
          <cell r="H20">
            <v>0</v>
          </cell>
          <cell r="J20" t="str">
            <v>機械経費積上分</v>
          </cell>
          <cell r="L20" t="str">
            <v>機械経費率対象労務費</v>
          </cell>
        </row>
        <row r="21">
          <cell r="C21" t="str">
            <v>水道光熱電力料</v>
          </cell>
          <cell r="D21" t="str">
            <v>式</v>
          </cell>
          <cell r="E21">
            <v>1</v>
          </cell>
          <cell r="F21">
            <v>0</v>
          </cell>
          <cell r="G21">
            <v>0</v>
          </cell>
          <cell r="H21">
            <v>0</v>
          </cell>
          <cell r="J21" t="str">
            <v>補助分</v>
          </cell>
          <cell r="K21" t="str">
            <v>単独費分</v>
          </cell>
          <cell r="L21" t="str">
            <v>補助分</v>
          </cell>
          <cell r="M21" t="str">
            <v>単独費分</v>
          </cell>
        </row>
        <row r="22">
          <cell r="C22" t="str">
            <v>機械経費</v>
          </cell>
          <cell r="D22" t="str">
            <v>式</v>
          </cell>
          <cell r="E22">
            <v>1</v>
          </cell>
          <cell r="F22">
            <v>31308</v>
          </cell>
          <cell r="G22">
            <v>31308</v>
          </cell>
          <cell r="H22">
            <v>0</v>
          </cell>
          <cell r="I22">
            <v>0.01</v>
          </cell>
          <cell r="J22">
            <v>0</v>
          </cell>
          <cell r="K22">
            <v>0</v>
          </cell>
          <cell r="L22">
            <v>3130800</v>
          </cell>
          <cell r="M22">
            <v>0</v>
          </cell>
        </row>
        <row r="23">
          <cell r="C23" t="str">
            <v>試運転費</v>
          </cell>
          <cell r="D23" t="str">
            <v>式</v>
          </cell>
          <cell r="E23">
            <v>1</v>
          </cell>
          <cell r="F23">
            <v>107250</v>
          </cell>
          <cell r="G23">
            <v>107250</v>
          </cell>
          <cell r="H23">
            <v>0</v>
          </cell>
        </row>
        <row r="24">
          <cell r="C24" t="str">
            <v>特別経費</v>
          </cell>
          <cell r="D24" t="str">
            <v>式</v>
          </cell>
          <cell r="E24">
            <v>1</v>
          </cell>
          <cell r="F24">
            <v>0</v>
          </cell>
          <cell r="G24">
            <v>0</v>
          </cell>
          <cell r="H24">
            <v>0</v>
          </cell>
          <cell r="J24" t="str">
            <v>仮設費積上げ分</v>
          </cell>
          <cell r="L24" t="str">
            <v>仮設費対象金額
（直接工事費-試運転費-仮設費）</v>
          </cell>
        </row>
        <row r="25">
          <cell r="C25" t="str">
            <v>直接経費小計</v>
          </cell>
          <cell r="F25">
            <v>138558</v>
          </cell>
          <cell r="G25">
            <v>138558</v>
          </cell>
          <cell r="H25">
            <v>0</v>
          </cell>
          <cell r="J25" t="str">
            <v>補助分</v>
          </cell>
          <cell r="K25" t="str">
            <v>単独費分</v>
          </cell>
          <cell r="L25" t="str">
            <v>全体</v>
          </cell>
          <cell r="M25" t="str">
            <v>補助分</v>
          </cell>
        </row>
        <row r="26">
          <cell r="B26" t="str">
            <v>仮設費</v>
          </cell>
          <cell r="F26">
            <v>543884</v>
          </cell>
          <cell r="G26">
            <v>543884</v>
          </cell>
          <cell r="H26">
            <v>0</v>
          </cell>
          <cell r="I26">
            <v>8.3000000000000004E-2</v>
          </cell>
          <cell r="J26">
            <v>0</v>
          </cell>
          <cell r="K26">
            <v>0</v>
          </cell>
          <cell r="L26">
            <v>6552821.4249999998</v>
          </cell>
          <cell r="M26">
            <v>6552821.4249999998</v>
          </cell>
        </row>
        <row r="27">
          <cell r="A27" t="str">
            <v>直接工事費計</v>
          </cell>
          <cell r="F27">
            <v>7203955.4249999998</v>
          </cell>
          <cell r="G27">
            <v>7203955.4249999998</v>
          </cell>
          <cell r="H27">
            <v>0</v>
          </cell>
          <cell r="L27" t="str">
            <v>共通仮設費対象金額
（直接工事費+事業損失防止施設費）</v>
          </cell>
        </row>
        <row r="28">
          <cell r="L28" t="str">
            <v>全体</v>
          </cell>
          <cell r="M28" t="str">
            <v>補助分</v>
          </cell>
        </row>
        <row r="29">
          <cell r="A29" t="str">
            <v>間接工事費</v>
          </cell>
          <cell r="B29" t="str">
            <v>共通仮設費率分</v>
          </cell>
          <cell r="F29">
            <v>1955873</v>
          </cell>
          <cell r="G29">
            <v>1955873</v>
          </cell>
          <cell r="H29">
            <v>0</v>
          </cell>
          <cell r="I29">
            <v>0.27149999999999996</v>
          </cell>
          <cell r="L29">
            <v>7203955.4249999998</v>
          </cell>
          <cell r="M29">
            <v>7203955.4249999998</v>
          </cell>
        </row>
        <row r="30">
          <cell r="B30" t="str">
            <v>共通仮設費
積上げ分</v>
          </cell>
          <cell r="C30" t="str">
            <v>運搬費</v>
          </cell>
          <cell r="D30" t="str">
            <v>式</v>
          </cell>
          <cell r="E30">
            <v>1</v>
          </cell>
          <cell r="F30">
            <v>0</v>
          </cell>
          <cell r="G30">
            <v>0</v>
          </cell>
          <cell r="H30">
            <v>0</v>
          </cell>
        </row>
        <row r="31">
          <cell r="C31" t="str">
            <v>準備費</v>
          </cell>
          <cell r="D31" t="str">
            <v>式</v>
          </cell>
          <cell r="E31">
            <v>1</v>
          </cell>
          <cell r="F31">
            <v>0</v>
          </cell>
          <cell r="G31">
            <v>0</v>
          </cell>
          <cell r="H31">
            <v>0</v>
          </cell>
        </row>
        <row r="32">
          <cell r="C32" t="str">
            <v>事業損失防止施設費</v>
          </cell>
          <cell r="D32" t="str">
            <v>式</v>
          </cell>
          <cell r="E32">
            <v>1</v>
          </cell>
          <cell r="F32">
            <v>0</v>
          </cell>
          <cell r="G32">
            <v>0</v>
          </cell>
          <cell r="H32">
            <v>0</v>
          </cell>
        </row>
        <row r="33">
          <cell r="C33" t="str">
            <v>安全費</v>
          </cell>
          <cell r="D33" t="str">
            <v>式</v>
          </cell>
          <cell r="E33">
            <v>1</v>
          </cell>
          <cell r="F33">
            <v>0</v>
          </cell>
          <cell r="G33">
            <v>0</v>
          </cell>
          <cell r="H33">
            <v>0</v>
          </cell>
        </row>
        <row r="34">
          <cell r="C34" t="str">
            <v>役務費</v>
          </cell>
          <cell r="D34" t="str">
            <v>式</v>
          </cell>
          <cell r="E34">
            <v>1</v>
          </cell>
          <cell r="F34">
            <v>0</v>
          </cell>
          <cell r="G34">
            <v>0</v>
          </cell>
          <cell r="H34">
            <v>0</v>
          </cell>
        </row>
        <row r="35">
          <cell r="C35" t="str">
            <v>技術管理費</v>
          </cell>
          <cell r="D35" t="str">
            <v>式</v>
          </cell>
          <cell r="E35">
            <v>1</v>
          </cell>
          <cell r="F35">
            <v>0</v>
          </cell>
          <cell r="G35">
            <v>0</v>
          </cell>
          <cell r="H35">
            <v>0</v>
          </cell>
        </row>
        <row r="36">
          <cell r="C36" t="str">
            <v>営繕費</v>
          </cell>
          <cell r="D36" t="str">
            <v>式</v>
          </cell>
          <cell r="E36">
            <v>1</v>
          </cell>
          <cell r="F36">
            <v>0</v>
          </cell>
          <cell r="G36">
            <v>0</v>
          </cell>
          <cell r="H36">
            <v>0</v>
          </cell>
        </row>
        <row r="37">
          <cell r="B37" t="str">
            <v>共通仮設費計</v>
          </cell>
          <cell r="F37">
            <v>1955873</v>
          </cell>
          <cell r="G37">
            <v>1955873</v>
          </cell>
          <cell r="H37">
            <v>0</v>
          </cell>
        </row>
        <row r="38">
          <cell r="L38" t="str">
            <v>現場管理費対象金額
（純工事費＝直接工事費＋共通仮設費）</v>
          </cell>
        </row>
        <row r="39">
          <cell r="B39" t="str">
            <v>現場管理費</v>
          </cell>
          <cell r="D39" t="str">
            <v>式</v>
          </cell>
          <cell r="E39">
            <v>1</v>
          </cell>
          <cell r="F39">
            <v>4005592</v>
          </cell>
          <cell r="G39">
            <v>4005592</v>
          </cell>
          <cell r="H39">
            <v>0</v>
          </cell>
          <cell r="I39">
            <v>0.43729999999999997</v>
          </cell>
          <cell r="L39" t="str">
            <v>全体</v>
          </cell>
          <cell r="M39" t="str">
            <v>補助分</v>
          </cell>
        </row>
        <row r="40">
          <cell r="L40">
            <v>9159828.4250000007</v>
          </cell>
          <cell r="M40">
            <v>9159828.4250000007</v>
          </cell>
        </row>
        <row r="41">
          <cell r="B41" t="str">
            <v>据付間接費</v>
          </cell>
          <cell r="C41" t="str">
            <v>据付技術者間接費</v>
          </cell>
          <cell r="D41" t="str">
            <v>式</v>
          </cell>
          <cell r="E41">
            <v>1</v>
          </cell>
          <cell r="F41">
            <v>428800</v>
          </cell>
          <cell r="G41">
            <v>428800</v>
          </cell>
          <cell r="H41">
            <v>0</v>
          </cell>
          <cell r="I41">
            <v>0.8</v>
          </cell>
        </row>
        <row r="42">
          <cell r="C42" t="str">
            <v>据付機器間接費</v>
          </cell>
          <cell r="D42" t="str">
            <v>式</v>
          </cell>
          <cell r="E42">
            <v>1</v>
          </cell>
          <cell r="F42">
            <v>852808</v>
          </cell>
          <cell r="G42">
            <v>852808</v>
          </cell>
          <cell r="H42">
            <v>0</v>
          </cell>
          <cell r="I42">
            <v>1.1599999999999999E-2</v>
          </cell>
        </row>
        <row r="43">
          <cell r="A43" t="str">
            <v>間接工事費計</v>
          </cell>
          <cell r="F43">
            <v>7243073</v>
          </cell>
          <cell r="G43">
            <v>7243073</v>
          </cell>
          <cell r="H43">
            <v>0</v>
          </cell>
        </row>
        <row r="44">
          <cell r="A44" t="str">
            <v>据付工事原価</v>
          </cell>
          <cell r="F44">
            <v>14447028.425000001</v>
          </cell>
          <cell r="G44">
            <v>14447028.425000001</v>
          </cell>
          <cell r="H44">
            <v>0</v>
          </cell>
          <cell r="L44" t="str">
            <v>設計技術費対象額
（機器費+据付工事原価）</v>
          </cell>
        </row>
        <row r="45">
          <cell r="L45" t="str">
            <v>全体</v>
          </cell>
          <cell r="M45" t="str">
            <v>補助分</v>
          </cell>
        </row>
        <row r="46">
          <cell r="A46" t="str">
            <v>設計技術費</v>
          </cell>
          <cell r="F46">
            <v>3140351</v>
          </cell>
          <cell r="G46">
            <v>3140351</v>
          </cell>
          <cell r="H46">
            <v>0</v>
          </cell>
          <cell r="I46">
            <v>3.5699999999999996E-2</v>
          </cell>
          <cell r="L46">
            <v>87965028.424999997</v>
          </cell>
          <cell r="M46">
            <v>87965028.424999997</v>
          </cell>
        </row>
        <row r="47">
          <cell r="A47" t="str">
            <v>工事原価　計</v>
          </cell>
          <cell r="F47">
            <v>17587379.425000001</v>
          </cell>
          <cell r="G47">
            <v>17587379.425000001</v>
          </cell>
          <cell r="H47">
            <v>0</v>
          </cell>
          <cell r="J47" t="str">
            <v>標準一般管理費率</v>
          </cell>
          <cell r="L47" t="str">
            <v>前金支出割合補正係数</v>
          </cell>
        </row>
        <row r="48">
          <cell r="A48" t="str">
            <v>一般管理費等</v>
          </cell>
          <cell r="D48" t="str">
            <v>式</v>
          </cell>
          <cell r="E48">
            <v>1</v>
          </cell>
          <cell r="F48">
            <v>3512199</v>
          </cell>
          <cell r="G48">
            <v>3512199</v>
          </cell>
          <cell r="H48">
            <v>0</v>
          </cell>
          <cell r="I48">
            <v>0.19970000000000002</v>
          </cell>
          <cell r="J48">
            <v>0.1993</v>
          </cell>
          <cell r="L48">
            <v>1</v>
          </cell>
        </row>
        <row r="49">
          <cell r="L49" t="str">
            <v>履行ボンド係数</v>
          </cell>
        </row>
        <row r="50">
          <cell r="L50">
            <v>4.0000000000000002E-4</v>
          </cell>
        </row>
        <row r="51">
          <cell r="A51" t="str">
            <v>工事価格　計</v>
          </cell>
          <cell r="F51">
            <v>94617578.424999997</v>
          </cell>
          <cell r="G51">
            <v>94617578.424999997</v>
          </cell>
          <cell r="H51">
            <v>0</v>
          </cell>
        </row>
        <row r="52">
          <cell r="B52" t="str">
            <v>（スクラップ処分費）</v>
          </cell>
          <cell r="D52" t="str">
            <v>式</v>
          </cell>
          <cell r="E52">
            <v>1</v>
          </cell>
          <cell r="F52">
            <v>0</v>
          </cell>
          <cell r="G52">
            <v>0</v>
          </cell>
          <cell r="H52">
            <v>0</v>
          </cell>
        </row>
        <row r="53">
          <cell r="A53" t="str">
            <v>工事価格　合計</v>
          </cell>
          <cell r="F53">
            <v>94617578.424999997</v>
          </cell>
          <cell r="G53">
            <v>94617578.424999997</v>
          </cell>
          <cell r="H53">
            <v>0</v>
          </cell>
          <cell r="L53" t="str">
            <v>地域補正係数　1</v>
          </cell>
        </row>
        <row r="54">
          <cell r="F54">
            <v>94617000</v>
          </cell>
          <cell r="G54">
            <v>94617000</v>
          </cell>
          <cell r="H54">
            <v>0</v>
          </cell>
          <cell r="J54" t="str">
            <v>（千円止）</v>
          </cell>
          <cell r="L54" t="str">
            <v>全体</v>
          </cell>
          <cell r="M54" t="str">
            <v>補助分</v>
          </cell>
        </row>
        <row r="55">
          <cell r="A55" t="str">
            <v>工事価格</v>
          </cell>
          <cell r="F55">
            <v>94617000</v>
          </cell>
          <cell r="G55">
            <v>94617000</v>
          </cell>
          <cell r="H55">
            <v>0</v>
          </cell>
          <cell r="J55" t="str">
            <v>（千円止）</v>
          </cell>
          <cell r="L55">
            <v>94617000</v>
          </cell>
          <cell r="M55">
            <v>94617000</v>
          </cell>
        </row>
        <row r="56">
          <cell r="A56" t="str">
            <v>消費税相当額</v>
          </cell>
          <cell r="D56" t="str">
            <v>式</v>
          </cell>
          <cell r="E56">
            <v>1</v>
          </cell>
          <cell r="F56">
            <v>4730850</v>
          </cell>
          <cell r="G56">
            <v>4730850</v>
          </cell>
          <cell r="H56">
            <v>0</v>
          </cell>
        </row>
        <row r="57">
          <cell r="A57" t="str">
            <v>合　　　計</v>
          </cell>
          <cell r="F57">
            <v>99347850</v>
          </cell>
          <cell r="G57">
            <v>99347850</v>
          </cell>
          <cell r="H57">
            <v>0</v>
          </cell>
        </row>
      </sheetData>
      <sheetData sheetId="9"/>
      <sheetData sheetId="10"/>
      <sheetData sheetId="11"/>
      <sheetData sheetId="12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P22"/>
  <sheetViews>
    <sheetView view="pageBreakPreview" zoomScale="75" zoomScaleNormal="85" zoomScaleSheetLayoutView="75" workbookViewId="0">
      <selection activeCell="V6" sqref="V6"/>
    </sheetView>
  </sheetViews>
  <sheetFormatPr defaultRowHeight="18.75"/>
  <cols>
    <col min="1" max="1" width="9" style="133" customWidth="1"/>
    <col min="2" max="2" width="6.6640625" style="133" customWidth="1"/>
    <col min="3" max="3" width="9.1640625" style="133" customWidth="1"/>
    <col min="4" max="4" width="3.83203125" style="133" customWidth="1"/>
    <col min="5" max="5" width="16.83203125" style="133" customWidth="1"/>
    <col min="6" max="6" width="7.1640625" style="133" customWidth="1"/>
    <col min="7" max="7" width="30.6640625" style="133" customWidth="1"/>
    <col min="8" max="8" width="18.83203125" style="133" customWidth="1"/>
    <col min="9" max="9" width="8.83203125" style="133" customWidth="1"/>
    <col min="10" max="10" width="9.5" style="133" customWidth="1"/>
    <col min="11" max="11" width="8.83203125" style="133" customWidth="1"/>
    <col min="12" max="12" width="9.5" style="133" customWidth="1"/>
    <col min="13" max="13" width="8.83203125" style="133" customWidth="1"/>
    <col min="14" max="14" width="9.5" style="133" customWidth="1"/>
    <col min="15" max="15" width="3.5" style="133" customWidth="1"/>
    <col min="16" max="16384" width="9.33203125" style="133"/>
  </cols>
  <sheetData>
    <row r="1" spans="1:16" ht="44.1" customHeight="1">
      <c r="A1" s="130" t="s">
        <v>809</v>
      </c>
      <c r="B1" s="131" t="s">
        <v>810</v>
      </c>
      <c r="C1" s="132" t="s">
        <v>811</v>
      </c>
      <c r="D1" s="199" t="s">
        <v>812</v>
      </c>
      <c r="E1" s="200"/>
      <c r="F1" s="201"/>
      <c r="G1" s="202" t="s">
        <v>813</v>
      </c>
      <c r="H1" s="203"/>
      <c r="I1" s="204"/>
      <c r="J1" s="199" t="s">
        <v>814</v>
      </c>
      <c r="K1" s="200"/>
      <c r="L1" s="200"/>
      <c r="M1" s="200"/>
      <c r="N1" s="205"/>
    </row>
    <row r="2" spans="1:16" ht="21.95" customHeight="1">
      <c r="A2" s="134"/>
      <c r="B2" s="135"/>
      <c r="C2" s="135"/>
      <c r="D2" s="136"/>
      <c r="E2" s="135"/>
      <c r="F2" s="135"/>
      <c r="G2" s="135"/>
      <c r="H2" s="135"/>
      <c r="I2" s="135"/>
      <c r="J2" s="135"/>
      <c r="K2" s="135"/>
      <c r="L2" s="135"/>
      <c r="M2" s="135"/>
      <c r="N2" s="137"/>
    </row>
    <row r="3" spans="1:16" ht="21.95" customHeight="1">
      <c r="A3" s="138"/>
      <c r="B3" s="139"/>
      <c r="C3" s="139"/>
      <c r="D3" s="140"/>
      <c r="E3" s="141"/>
      <c r="F3" s="142"/>
      <c r="G3" s="142"/>
      <c r="H3" s="142"/>
      <c r="I3" s="142"/>
      <c r="J3" s="142"/>
      <c r="K3" s="142" t="s">
        <v>815</v>
      </c>
      <c r="L3" s="142"/>
      <c r="M3" s="142"/>
      <c r="N3" s="143"/>
    </row>
    <row r="4" spans="1:16" ht="21.95" customHeight="1">
      <c r="A4" s="134"/>
      <c r="B4" s="135"/>
      <c r="C4" s="135"/>
      <c r="D4" s="136"/>
      <c r="E4" s="135"/>
      <c r="F4" s="135"/>
      <c r="G4" s="135"/>
      <c r="H4" s="144"/>
      <c r="I4" s="194" t="s">
        <v>816</v>
      </c>
      <c r="J4" s="195"/>
      <c r="K4" s="195"/>
      <c r="L4" s="195"/>
      <c r="M4" s="195"/>
      <c r="N4" s="196"/>
    </row>
    <row r="5" spans="1:16" ht="21.95" customHeight="1">
      <c r="A5" s="191" t="s">
        <v>817</v>
      </c>
      <c r="B5" s="192"/>
      <c r="C5" s="193"/>
      <c r="D5" s="140"/>
      <c r="E5" s="145" t="s">
        <v>818</v>
      </c>
      <c r="F5" s="146"/>
      <c r="G5" s="142"/>
      <c r="H5" s="147"/>
      <c r="I5" s="197" t="s">
        <v>819</v>
      </c>
      <c r="J5" s="148"/>
      <c r="K5" s="149" t="s">
        <v>820</v>
      </c>
      <c r="L5" s="148"/>
      <c r="M5" s="197" t="s">
        <v>821</v>
      </c>
      <c r="N5" s="150"/>
    </row>
    <row r="6" spans="1:16" ht="21.95" customHeight="1">
      <c r="A6" s="134"/>
      <c r="B6" s="135"/>
      <c r="C6" s="135"/>
      <c r="D6" s="136"/>
      <c r="E6" s="135"/>
      <c r="F6" s="135"/>
      <c r="G6" s="135"/>
      <c r="H6" s="144"/>
      <c r="I6" s="198"/>
      <c r="J6" s="151"/>
      <c r="K6" s="152" t="s">
        <v>822</v>
      </c>
      <c r="L6" s="151"/>
      <c r="M6" s="198"/>
      <c r="N6" s="153"/>
    </row>
    <row r="7" spans="1:16" ht="21.95" customHeight="1">
      <c r="A7" s="191" t="s">
        <v>823</v>
      </c>
      <c r="B7" s="192"/>
      <c r="C7" s="193"/>
      <c r="D7" s="140"/>
      <c r="E7" s="154" t="s">
        <v>824</v>
      </c>
      <c r="F7" s="155"/>
      <c r="G7" s="142"/>
      <c r="H7" s="142"/>
      <c r="I7" s="156" t="s">
        <v>825</v>
      </c>
      <c r="J7" s="157"/>
      <c r="K7" s="158"/>
      <c r="L7" s="159"/>
      <c r="M7" s="158"/>
      <c r="N7" s="160"/>
    </row>
    <row r="8" spans="1:16" ht="21.95" customHeight="1">
      <c r="A8" s="134"/>
      <c r="B8" s="135"/>
      <c r="C8" s="135"/>
      <c r="D8" s="136"/>
      <c r="E8" s="135"/>
      <c r="F8" s="135"/>
      <c r="G8" s="135"/>
      <c r="H8" s="135"/>
      <c r="I8" s="161"/>
      <c r="J8" s="162"/>
      <c r="K8" s="163"/>
      <c r="L8" s="164"/>
      <c r="M8" s="164"/>
      <c r="N8" s="165"/>
    </row>
    <row r="9" spans="1:16" ht="21.95" customHeight="1">
      <c r="A9" s="191" t="s">
        <v>826</v>
      </c>
      <c r="B9" s="192"/>
      <c r="C9" s="193"/>
      <c r="D9" s="166"/>
      <c r="E9" s="167"/>
      <c r="F9" s="168"/>
      <c r="G9" s="169"/>
      <c r="H9" s="168" t="s">
        <v>827</v>
      </c>
      <c r="I9" s="194" t="s">
        <v>828</v>
      </c>
      <c r="J9" s="195"/>
      <c r="K9" s="195"/>
      <c r="L9" s="195"/>
      <c r="M9" s="195"/>
      <c r="N9" s="196"/>
      <c r="P9" s="170"/>
    </row>
    <row r="10" spans="1:16" ht="21.95" customHeight="1">
      <c r="A10" s="134"/>
      <c r="B10" s="135"/>
      <c r="C10" s="135"/>
      <c r="D10" s="136"/>
      <c r="E10" s="135"/>
      <c r="F10" s="135"/>
      <c r="G10" s="135"/>
      <c r="H10" s="135"/>
      <c r="I10" s="197" t="s">
        <v>829</v>
      </c>
      <c r="J10" s="135"/>
      <c r="K10" s="135"/>
      <c r="L10" s="197" t="s">
        <v>830</v>
      </c>
      <c r="M10" s="135"/>
      <c r="N10" s="137"/>
      <c r="P10" s="170"/>
    </row>
    <row r="11" spans="1:16" ht="21.95" customHeight="1">
      <c r="A11" s="191" t="s">
        <v>831</v>
      </c>
      <c r="B11" s="192"/>
      <c r="C11" s="193"/>
      <c r="D11" s="140"/>
      <c r="E11" s="171" t="s">
        <v>832</v>
      </c>
      <c r="F11" s="146"/>
      <c r="G11" s="172">
        <v>43903</v>
      </c>
      <c r="H11" s="141" t="s">
        <v>833</v>
      </c>
      <c r="I11" s="198"/>
      <c r="J11" s="142"/>
      <c r="K11" s="142"/>
      <c r="L11" s="198"/>
      <c r="M11" s="142"/>
      <c r="N11" s="143"/>
    </row>
    <row r="12" spans="1:16" ht="21.95" customHeight="1">
      <c r="A12" s="186" t="s">
        <v>834</v>
      </c>
      <c r="B12" s="187"/>
      <c r="C12" s="187"/>
      <c r="D12" s="187"/>
      <c r="E12" s="187"/>
      <c r="F12" s="187"/>
      <c r="G12" s="188"/>
      <c r="H12" s="189" t="s">
        <v>835</v>
      </c>
      <c r="I12" s="187"/>
      <c r="J12" s="187"/>
      <c r="K12" s="187"/>
      <c r="L12" s="187"/>
      <c r="M12" s="187"/>
      <c r="N12" s="190"/>
    </row>
    <row r="13" spans="1:16" ht="21.95" customHeight="1">
      <c r="A13" s="173" t="s">
        <v>836</v>
      </c>
      <c r="B13" s="174"/>
      <c r="C13" s="174"/>
      <c r="D13" s="175"/>
      <c r="E13" s="175"/>
      <c r="F13" s="175"/>
      <c r="G13" s="176"/>
      <c r="H13" s="174" t="s">
        <v>837</v>
      </c>
      <c r="I13" s="175"/>
      <c r="J13" s="175"/>
      <c r="K13" s="175"/>
      <c r="L13" s="175"/>
      <c r="M13" s="175"/>
      <c r="N13" s="177" t="s">
        <v>838</v>
      </c>
    </row>
    <row r="14" spans="1:16" ht="21.95" customHeight="1">
      <c r="A14" s="173" t="s">
        <v>839</v>
      </c>
      <c r="B14" s="174"/>
      <c r="C14" s="174"/>
      <c r="D14" s="175"/>
      <c r="E14" s="175"/>
      <c r="F14" s="175"/>
      <c r="G14" s="176"/>
      <c r="H14" s="174" t="s">
        <v>7</v>
      </c>
      <c r="I14" s="175"/>
      <c r="J14" s="175"/>
      <c r="K14" s="175"/>
      <c r="L14" s="175"/>
      <c r="M14" s="175"/>
      <c r="N14" s="177"/>
    </row>
    <row r="15" spans="1:16" ht="21.95" customHeight="1">
      <c r="A15" s="173" t="s">
        <v>840</v>
      </c>
      <c r="B15" s="174"/>
      <c r="C15" s="174"/>
      <c r="D15" s="175"/>
      <c r="E15" s="175"/>
      <c r="F15" s="175"/>
      <c r="G15" s="176"/>
      <c r="H15" s="174" t="s">
        <v>7</v>
      </c>
      <c r="I15" s="175"/>
      <c r="J15" s="175"/>
      <c r="K15" s="175"/>
      <c r="L15" s="175"/>
      <c r="M15" s="175"/>
      <c r="N15" s="177"/>
    </row>
    <row r="16" spans="1:16" ht="21.95" customHeight="1">
      <c r="A16" s="173" t="s">
        <v>841</v>
      </c>
      <c r="B16" s="174"/>
      <c r="C16" s="174"/>
      <c r="D16" s="175"/>
      <c r="E16" s="175"/>
      <c r="F16" s="175"/>
      <c r="G16" s="176"/>
      <c r="H16" s="174" t="s">
        <v>7</v>
      </c>
      <c r="I16" s="175"/>
      <c r="J16" s="175"/>
      <c r="K16" s="175"/>
      <c r="L16" s="175"/>
      <c r="M16" s="175"/>
      <c r="N16" s="177"/>
    </row>
    <row r="17" spans="1:14" ht="21.95" customHeight="1">
      <c r="A17" s="173" t="s">
        <v>842</v>
      </c>
      <c r="B17" s="174"/>
      <c r="C17" s="174"/>
      <c r="D17" s="175"/>
      <c r="E17" s="175"/>
      <c r="F17" s="175"/>
      <c r="G17" s="176"/>
      <c r="H17" s="174" t="s">
        <v>7</v>
      </c>
      <c r="I17" s="175"/>
      <c r="J17" s="175"/>
      <c r="K17" s="175"/>
      <c r="L17" s="175"/>
      <c r="M17" s="175"/>
      <c r="N17" s="177"/>
    </row>
    <row r="18" spans="1:14" ht="21.95" customHeight="1">
      <c r="A18" s="173" t="s">
        <v>843</v>
      </c>
      <c r="B18" s="174"/>
      <c r="C18" s="174"/>
      <c r="D18" s="175"/>
      <c r="E18" s="175"/>
      <c r="F18" s="175"/>
      <c r="G18" s="176"/>
      <c r="H18" s="174" t="s">
        <v>7</v>
      </c>
      <c r="I18" s="175"/>
      <c r="J18" s="175"/>
      <c r="K18" s="175"/>
      <c r="L18" s="175"/>
      <c r="M18" s="175"/>
      <c r="N18" s="177"/>
    </row>
    <row r="19" spans="1:14" ht="21.95" customHeight="1">
      <c r="A19" s="173" t="s">
        <v>7</v>
      </c>
      <c r="B19" s="174"/>
      <c r="C19" s="174"/>
      <c r="D19" s="175"/>
      <c r="E19" s="175"/>
      <c r="F19" s="175"/>
      <c r="G19" s="176"/>
      <c r="H19" s="174" t="s">
        <v>7</v>
      </c>
      <c r="I19" s="175"/>
      <c r="J19" s="175"/>
      <c r="K19" s="175"/>
      <c r="L19" s="175"/>
      <c r="M19" s="175"/>
      <c r="N19" s="177"/>
    </row>
    <row r="20" spans="1:14" ht="21.95" customHeight="1">
      <c r="A20" s="173" t="s">
        <v>7</v>
      </c>
      <c r="B20" s="174"/>
      <c r="C20" s="174"/>
      <c r="D20" s="175"/>
      <c r="E20" s="175"/>
      <c r="F20" s="175"/>
      <c r="G20" s="176"/>
      <c r="H20" s="174" t="s">
        <v>7</v>
      </c>
      <c r="I20" s="175"/>
      <c r="J20" s="175"/>
      <c r="K20" s="175"/>
      <c r="L20" s="175"/>
      <c r="M20" s="175"/>
      <c r="N20" s="177"/>
    </row>
    <row r="21" spans="1:14" ht="21.95" customHeight="1">
      <c r="A21" s="178" t="s">
        <v>7</v>
      </c>
      <c r="B21" s="179"/>
      <c r="C21" s="179"/>
      <c r="D21" s="180"/>
      <c r="E21" s="180"/>
      <c r="F21" s="180"/>
      <c r="G21" s="181"/>
      <c r="H21" s="182" t="s">
        <v>7</v>
      </c>
      <c r="I21" s="180"/>
      <c r="J21" s="180"/>
      <c r="K21" s="180"/>
      <c r="L21" s="180"/>
      <c r="M21" s="180"/>
      <c r="N21" s="183"/>
    </row>
    <row r="22" spans="1:14" ht="18" customHeight="1">
      <c r="A22" s="184" t="s">
        <v>844</v>
      </c>
      <c r="B22" s="184"/>
      <c r="C22" s="184"/>
      <c r="D22" s="184"/>
      <c r="E22" s="184"/>
      <c r="F22" s="184"/>
      <c r="G22" s="184"/>
      <c r="H22" s="184"/>
      <c r="I22" s="184"/>
      <c r="J22" s="184"/>
      <c r="K22" s="184"/>
      <c r="L22" s="184"/>
      <c r="M22" s="184"/>
      <c r="N22" s="185" t="s">
        <v>845</v>
      </c>
    </row>
  </sheetData>
  <mergeCells count="15">
    <mergeCell ref="D1:F1"/>
    <mergeCell ref="G1:I1"/>
    <mergeCell ref="J1:N1"/>
    <mergeCell ref="I4:N4"/>
    <mergeCell ref="A5:C5"/>
    <mergeCell ref="I5:I6"/>
    <mergeCell ref="M5:M6"/>
    <mergeCell ref="A12:G12"/>
    <mergeCell ref="H12:N12"/>
    <mergeCell ref="A7:C7"/>
    <mergeCell ref="A9:C9"/>
    <mergeCell ref="I9:N9"/>
    <mergeCell ref="I10:I11"/>
    <mergeCell ref="L10:L11"/>
    <mergeCell ref="A11:C11"/>
  </mergeCells>
  <phoneticPr fontId="7"/>
  <printOptions horizontalCentered="1" verticalCentered="1"/>
  <pageMargins left="0.39370078740157483" right="0.39370078740157483" top="0.98425196850393704" bottom="0.39370078740157483" header="0.51181102362204722" footer="0"/>
  <pageSetup paperSize="9" fitToHeight="0" orientation="landscape" horizontalDpi="4294967292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F64"/>
  <sheetViews>
    <sheetView view="pageBreakPreview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497</v>
      </c>
      <c r="C1" s="79"/>
      <c r="D1" s="79"/>
      <c r="E1" s="79"/>
      <c r="F1" s="80"/>
    </row>
    <row r="2" spans="1:6" ht="21" customHeight="1">
      <c r="A2" s="78"/>
      <c r="B2" s="81"/>
      <c r="C2" s="82"/>
      <c r="D2" s="82"/>
      <c r="E2" s="82"/>
      <c r="F2" s="83"/>
    </row>
    <row r="3" spans="1:6" ht="21" customHeight="1">
      <c r="A3" s="78"/>
      <c r="B3" s="84" t="s">
        <v>498</v>
      </c>
      <c r="C3" s="85" t="s">
        <v>499</v>
      </c>
      <c r="D3" s="85" t="s">
        <v>500</v>
      </c>
      <c r="E3" s="85" t="s">
        <v>501</v>
      </c>
      <c r="F3" s="86" t="s">
        <v>502</v>
      </c>
    </row>
    <row r="4" spans="1:6" ht="12.95" customHeight="1">
      <c r="A4" s="78" t="s">
        <v>7</v>
      </c>
      <c r="B4" s="87" t="s">
        <v>503</v>
      </c>
      <c r="C4" s="53" t="s">
        <v>7</v>
      </c>
      <c r="D4" s="4" t="s">
        <v>7</v>
      </c>
      <c r="E4" s="73"/>
      <c r="F4" s="90" t="s">
        <v>7</v>
      </c>
    </row>
    <row r="5" spans="1:6" ht="12.95" customHeight="1">
      <c r="A5" s="78" t="s">
        <v>7</v>
      </c>
      <c r="B5" s="87" t="s">
        <v>7</v>
      </c>
      <c r="C5" s="53" t="s">
        <v>504</v>
      </c>
      <c r="D5" s="4" t="s">
        <v>7</v>
      </c>
      <c r="E5" s="73"/>
      <c r="F5" s="90" t="s">
        <v>7</v>
      </c>
    </row>
    <row r="6" spans="1:6" ht="12.95" customHeight="1">
      <c r="A6" s="78" t="s">
        <v>7</v>
      </c>
      <c r="B6" s="88" t="s">
        <v>7</v>
      </c>
      <c r="C6" s="54" t="s">
        <v>7</v>
      </c>
      <c r="D6" s="7" t="s">
        <v>505</v>
      </c>
      <c r="E6" s="74"/>
      <c r="F6" s="91" t="s">
        <v>7</v>
      </c>
    </row>
    <row r="7" spans="1:6" ht="12.95" customHeight="1">
      <c r="A7" s="78" t="s">
        <v>7</v>
      </c>
      <c r="B7" s="87" t="s">
        <v>506</v>
      </c>
      <c r="C7" s="53" t="s">
        <v>7</v>
      </c>
      <c r="D7" s="4" t="s">
        <v>7</v>
      </c>
      <c r="E7" s="73"/>
      <c r="F7" s="90" t="s">
        <v>7</v>
      </c>
    </row>
    <row r="8" spans="1:6" ht="12.95" customHeight="1">
      <c r="A8" s="78" t="s">
        <v>7</v>
      </c>
      <c r="B8" s="87" t="s">
        <v>7</v>
      </c>
      <c r="C8" s="53" t="s">
        <v>507</v>
      </c>
      <c r="D8" s="4" t="s">
        <v>7</v>
      </c>
      <c r="E8" s="73"/>
      <c r="F8" s="90" t="s">
        <v>7</v>
      </c>
    </row>
    <row r="9" spans="1:6" ht="12.95" customHeight="1">
      <c r="A9" s="78" t="s">
        <v>7</v>
      </c>
      <c r="B9" s="88" t="s">
        <v>7</v>
      </c>
      <c r="C9" s="54" t="s">
        <v>7</v>
      </c>
      <c r="D9" s="7" t="s">
        <v>508</v>
      </c>
      <c r="E9" s="74"/>
      <c r="F9" s="91" t="s">
        <v>7</v>
      </c>
    </row>
    <row r="10" spans="1:6" ht="12.95" customHeight="1">
      <c r="A10" s="78" t="s">
        <v>7</v>
      </c>
      <c r="B10" s="89" t="s">
        <v>509</v>
      </c>
      <c r="C10" s="53" t="s">
        <v>7</v>
      </c>
      <c r="D10" s="9" t="s">
        <v>7</v>
      </c>
      <c r="E10" s="73"/>
      <c r="F10" s="90" t="s">
        <v>7</v>
      </c>
    </row>
    <row r="11" spans="1:6" ht="12.95" customHeight="1">
      <c r="A11" s="78" t="s">
        <v>7</v>
      </c>
      <c r="B11" s="87" t="s">
        <v>7</v>
      </c>
      <c r="C11" s="53" t="s">
        <v>7</v>
      </c>
      <c r="D11" s="9" t="s">
        <v>7</v>
      </c>
      <c r="E11" s="73"/>
      <c r="F11" s="90" t="s">
        <v>7</v>
      </c>
    </row>
    <row r="12" spans="1:6" ht="12.95" customHeight="1">
      <c r="A12" s="78" t="s">
        <v>7</v>
      </c>
      <c r="B12" s="88" t="s">
        <v>7</v>
      </c>
      <c r="C12" s="54" t="s">
        <v>7</v>
      </c>
      <c r="D12" s="7" t="s">
        <v>7</v>
      </c>
      <c r="E12" s="74"/>
      <c r="F12" s="91" t="s">
        <v>7</v>
      </c>
    </row>
    <row r="13" spans="1:6" ht="12.95" customHeight="1">
      <c r="A13" s="78"/>
      <c r="B13" s="10"/>
      <c r="C13" s="55"/>
      <c r="D13" s="11"/>
      <c r="E13" s="75"/>
      <c r="F13" s="12"/>
    </row>
    <row r="14" spans="1:6" ht="12.95" customHeight="1">
      <c r="A14" s="78"/>
      <c r="B14" s="3"/>
      <c r="C14" s="53"/>
      <c r="D14" s="9"/>
      <c r="E14" s="73"/>
      <c r="F14" s="5"/>
    </row>
    <row r="15" spans="1:6" ht="12.95" customHeight="1">
      <c r="A15" s="78"/>
      <c r="B15" s="6"/>
      <c r="C15" s="54"/>
      <c r="D15" s="7"/>
      <c r="E15" s="74"/>
      <c r="F15" s="8"/>
    </row>
    <row r="16" spans="1:6" ht="12.95" customHeight="1">
      <c r="A16" s="78"/>
      <c r="B16" s="10"/>
      <c r="C16" s="55"/>
      <c r="D16" s="11"/>
      <c r="E16" s="75"/>
      <c r="F16" s="12"/>
    </row>
    <row r="17" spans="1:6" ht="12.95" customHeight="1">
      <c r="A17" s="78"/>
      <c r="B17" s="3"/>
      <c r="C17" s="53"/>
      <c r="D17" s="9"/>
      <c r="E17" s="73"/>
      <c r="F17" s="5"/>
    </row>
    <row r="18" spans="1:6" ht="12.95" customHeight="1">
      <c r="A18" s="78"/>
      <c r="B18" s="6"/>
      <c r="C18" s="54"/>
      <c r="D18" s="7"/>
      <c r="E18" s="74"/>
      <c r="F18" s="8"/>
    </row>
    <row r="19" spans="1:6" ht="12.95" customHeight="1">
      <c r="A19" s="78"/>
      <c r="B19" s="10"/>
      <c r="C19" s="55"/>
      <c r="D19" s="11"/>
      <c r="E19" s="75"/>
      <c r="F19" s="12"/>
    </row>
    <row r="20" spans="1:6" ht="12.95" customHeight="1">
      <c r="A20" s="78"/>
      <c r="B20" s="3"/>
      <c r="C20" s="53"/>
      <c r="D20" s="9"/>
      <c r="E20" s="73"/>
      <c r="F20" s="5"/>
    </row>
    <row r="21" spans="1:6" ht="12.95" customHeight="1">
      <c r="A21" s="78"/>
      <c r="B21" s="6"/>
      <c r="C21" s="54"/>
      <c r="D21" s="7"/>
      <c r="E21" s="74"/>
      <c r="F21" s="8"/>
    </row>
    <row r="22" spans="1:6" ht="12.95" customHeight="1">
      <c r="A22" s="78"/>
      <c r="B22" s="10"/>
      <c r="C22" s="55"/>
      <c r="D22" s="11"/>
      <c r="E22" s="75"/>
      <c r="F22" s="12"/>
    </row>
    <row r="23" spans="1:6" ht="12.95" customHeight="1">
      <c r="A23" s="78"/>
      <c r="B23" s="3"/>
      <c r="C23" s="53"/>
      <c r="D23" s="9"/>
      <c r="E23" s="73"/>
      <c r="F23" s="5"/>
    </row>
    <row r="24" spans="1:6" ht="12.95" customHeight="1">
      <c r="A24" s="78"/>
      <c r="B24" s="6"/>
      <c r="C24" s="54"/>
      <c r="D24" s="7"/>
      <c r="E24" s="74"/>
      <c r="F24" s="8"/>
    </row>
    <row r="25" spans="1:6" ht="12.95" customHeight="1">
      <c r="A25" s="78"/>
      <c r="B25" s="10"/>
      <c r="C25" s="55"/>
      <c r="D25" s="11"/>
      <c r="E25" s="75"/>
      <c r="F25" s="12"/>
    </row>
    <row r="26" spans="1:6" ht="12.95" customHeight="1">
      <c r="A26" s="78"/>
      <c r="B26" s="3"/>
      <c r="C26" s="53"/>
      <c r="D26" s="9"/>
      <c r="E26" s="73"/>
      <c r="F26" s="5"/>
    </row>
    <row r="27" spans="1:6" ht="12.95" customHeight="1">
      <c r="A27" s="78"/>
      <c r="B27" s="6"/>
      <c r="C27" s="54"/>
      <c r="D27" s="7"/>
      <c r="E27" s="74"/>
      <c r="F27" s="8"/>
    </row>
    <row r="28" spans="1:6" ht="12.95" customHeight="1">
      <c r="A28" s="78"/>
      <c r="B28" s="10"/>
      <c r="C28" s="55"/>
      <c r="D28" s="11"/>
      <c r="E28" s="75"/>
      <c r="F28" s="12"/>
    </row>
    <row r="29" spans="1:6" ht="12.95" customHeight="1">
      <c r="A29" s="78"/>
      <c r="B29" s="3"/>
      <c r="C29" s="53"/>
      <c r="D29" s="9"/>
      <c r="E29" s="73"/>
      <c r="F29" s="5"/>
    </row>
    <row r="30" spans="1:6" ht="12.95" customHeight="1">
      <c r="A30" s="78"/>
      <c r="B30" s="6"/>
      <c r="C30" s="54"/>
      <c r="D30" s="7"/>
      <c r="E30" s="74"/>
      <c r="F30" s="8"/>
    </row>
    <row r="31" spans="1:6" ht="12.95" customHeight="1">
      <c r="A31" s="78"/>
      <c r="B31" s="10"/>
      <c r="C31" s="55"/>
      <c r="D31" s="11"/>
      <c r="E31" s="75"/>
      <c r="F31" s="12"/>
    </row>
    <row r="32" spans="1:6" ht="12.95" customHeight="1">
      <c r="A32" s="78"/>
      <c r="B32" s="3"/>
      <c r="C32" s="53"/>
      <c r="D32" s="9"/>
      <c r="E32" s="73"/>
      <c r="F32" s="5"/>
    </row>
    <row r="33" spans="1:6" ht="12.95" customHeight="1">
      <c r="A33" s="78"/>
      <c r="B33" s="6"/>
      <c r="C33" s="54"/>
      <c r="D33" s="7"/>
      <c r="E33" s="74"/>
      <c r="F33" s="8"/>
    </row>
    <row r="34" spans="1:6" ht="12.95" customHeight="1">
      <c r="A34" s="78"/>
      <c r="B34" s="10"/>
      <c r="C34" s="55"/>
      <c r="D34" s="11"/>
      <c r="E34" s="75"/>
      <c r="F34" s="12"/>
    </row>
    <row r="35" spans="1:6" ht="12.95" customHeight="1">
      <c r="A35" s="78"/>
      <c r="B35" s="3"/>
      <c r="C35" s="53"/>
      <c r="D35" s="9"/>
      <c r="E35" s="73"/>
      <c r="F35" s="5"/>
    </row>
    <row r="36" spans="1:6" ht="12.95" customHeight="1">
      <c r="A36" s="78"/>
      <c r="B36" s="6"/>
      <c r="C36" s="54"/>
      <c r="D36" s="7"/>
      <c r="E36" s="74"/>
      <c r="F36" s="8"/>
    </row>
    <row r="37" spans="1:6" ht="12.95" customHeight="1">
      <c r="A37" s="78"/>
      <c r="B37" s="10"/>
      <c r="C37" s="55"/>
      <c r="D37" s="11"/>
      <c r="E37" s="75"/>
      <c r="F37" s="12"/>
    </row>
    <row r="38" spans="1:6" ht="12.95" customHeight="1">
      <c r="A38" s="78"/>
      <c r="B38" s="3"/>
      <c r="C38" s="53"/>
      <c r="D38" s="9"/>
      <c r="E38" s="73"/>
      <c r="F38" s="5"/>
    </row>
    <row r="39" spans="1:6" ht="12.95" customHeight="1">
      <c r="A39" s="78"/>
      <c r="B39" s="6"/>
      <c r="C39" s="54"/>
      <c r="D39" s="7"/>
      <c r="E39" s="74"/>
      <c r="F39" s="8"/>
    </row>
    <row r="40" spans="1:6" ht="12.95" customHeight="1">
      <c r="A40" s="78"/>
      <c r="B40" s="10"/>
      <c r="C40" s="55"/>
      <c r="D40" s="13"/>
      <c r="E40" s="75"/>
      <c r="F40" s="12"/>
    </row>
    <row r="41" spans="1:6" ht="12.95" customHeight="1">
      <c r="A41" s="78"/>
      <c r="B41" s="3"/>
      <c r="C41" s="53"/>
      <c r="D41" s="9"/>
      <c r="E41" s="73"/>
      <c r="F41" s="5"/>
    </row>
    <row r="42" spans="1:6" ht="12.95" customHeight="1">
      <c r="A42" s="78"/>
      <c r="B42" s="6"/>
      <c r="C42" s="54"/>
      <c r="D42" s="7"/>
      <c r="E42" s="74"/>
      <c r="F42" s="8"/>
    </row>
    <row r="43" spans="1:6" ht="12.95" customHeight="1">
      <c r="A43" s="78"/>
      <c r="B43" s="10"/>
      <c r="C43" s="55"/>
      <c r="D43" s="11"/>
      <c r="E43" s="75"/>
      <c r="F43" s="12"/>
    </row>
    <row r="44" spans="1:6" ht="12.95" customHeight="1">
      <c r="A44" s="78"/>
      <c r="B44" s="3"/>
      <c r="C44" s="53"/>
      <c r="D44" s="9"/>
      <c r="E44" s="73"/>
      <c r="F44" s="5"/>
    </row>
    <row r="45" spans="1:6" ht="12.95" customHeight="1">
      <c r="A45" s="78"/>
      <c r="B45" s="6"/>
      <c r="C45" s="54"/>
      <c r="D45" s="7"/>
      <c r="E45" s="74"/>
      <c r="F45" s="8"/>
    </row>
    <row r="46" spans="1:6" ht="12.95" customHeight="1">
      <c r="A46" s="78"/>
      <c r="B46" s="10"/>
      <c r="C46" s="55"/>
      <c r="D46" s="11"/>
      <c r="E46" s="75"/>
      <c r="F46" s="12"/>
    </row>
    <row r="47" spans="1:6" ht="12.95" customHeight="1">
      <c r="A47" s="78"/>
      <c r="B47" s="3"/>
      <c r="C47" s="53"/>
      <c r="D47" s="9"/>
      <c r="E47" s="73"/>
      <c r="F47" s="5"/>
    </row>
    <row r="48" spans="1:6" ht="12.95" customHeight="1">
      <c r="A48" s="78"/>
      <c r="B48" s="6"/>
      <c r="C48" s="54"/>
      <c r="D48" s="7"/>
      <c r="E48" s="74"/>
      <c r="F48" s="8"/>
    </row>
    <row r="49" spans="1:6" ht="12.95" customHeight="1">
      <c r="A49" s="78"/>
      <c r="B49" s="10"/>
      <c r="C49" s="55"/>
      <c r="D49" s="11"/>
      <c r="E49" s="75"/>
      <c r="F49" s="12"/>
    </row>
    <row r="50" spans="1:6" ht="12.95" customHeight="1">
      <c r="A50" s="78"/>
      <c r="B50" s="3"/>
      <c r="C50" s="53"/>
      <c r="D50" s="4"/>
      <c r="E50" s="73"/>
      <c r="F50" s="5"/>
    </row>
    <row r="51" spans="1:6" ht="12.95" customHeight="1">
      <c r="A51" s="78"/>
      <c r="B51" s="6"/>
      <c r="C51" s="54"/>
      <c r="D51" s="7"/>
      <c r="E51" s="74"/>
      <c r="F51" s="8"/>
    </row>
    <row r="52" spans="1:6" ht="12.95" customHeight="1">
      <c r="A52" s="78"/>
      <c r="B52" s="10"/>
      <c r="C52" s="55"/>
      <c r="D52" s="11"/>
      <c r="E52" s="75"/>
      <c r="F52" s="12"/>
    </row>
    <row r="53" spans="1:6" ht="12.95" customHeight="1">
      <c r="A53" s="78"/>
      <c r="B53" s="3"/>
      <c r="C53" s="53"/>
      <c r="D53" s="9"/>
      <c r="E53" s="73"/>
      <c r="F53" s="5"/>
    </row>
    <row r="54" spans="1:6" ht="12.95" customHeight="1">
      <c r="A54" s="78"/>
      <c r="B54" s="6"/>
      <c r="C54" s="54"/>
      <c r="D54" s="7"/>
      <c r="E54" s="74"/>
      <c r="F54" s="8"/>
    </row>
    <row r="55" spans="1:6" ht="12.95" customHeight="1">
      <c r="A55" s="78"/>
      <c r="B55" s="10"/>
      <c r="C55" s="55"/>
      <c r="D55" s="11"/>
      <c r="E55" s="75"/>
      <c r="F55" s="12"/>
    </row>
    <row r="56" spans="1:6" ht="12.95" customHeight="1">
      <c r="A56" s="78"/>
      <c r="B56" s="3"/>
      <c r="C56" s="53"/>
      <c r="D56" s="9"/>
      <c r="E56" s="73"/>
      <c r="F56" s="5"/>
    </row>
    <row r="57" spans="1:6" ht="12.95" customHeight="1">
      <c r="A57" s="78"/>
      <c r="B57" s="6"/>
      <c r="C57" s="54"/>
      <c r="D57" s="7"/>
      <c r="E57" s="74"/>
      <c r="F57" s="8"/>
    </row>
    <row r="58" spans="1:6" ht="12.95" customHeight="1">
      <c r="A58" s="78"/>
      <c r="B58" s="10"/>
      <c r="C58" s="55"/>
      <c r="D58" s="11"/>
      <c r="E58" s="75"/>
      <c r="F58" s="12"/>
    </row>
    <row r="59" spans="1:6" ht="12.95" customHeight="1">
      <c r="A59" s="78"/>
      <c r="B59" s="3"/>
      <c r="C59" s="53"/>
      <c r="D59" s="9"/>
      <c r="E59" s="73"/>
      <c r="F59" s="5"/>
    </row>
    <row r="60" spans="1:6" ht="12.95" customHeight="1">
      <c r="A60" s="78"/>
      <c r="B60" s="6"/>
      <c r="C60" s="54"/>
      <c r="D60" s="14"/>
      <c r="E60" s="74"/>
      <c r="F60" s="8"/>
    </row>
    <row r="61" spans="1:6" ht="12.95" customHeight="1">
      <c r="A61" s="78"/>
      <c r="B61" s="10"/>
      <c r="C61" s="55"/>
      <c r="D61" s="11"/>
      <c r="E61" s="75"/>
      <c r="F61" s="12"/>
    </row>
    <row r="62" spans="1:6" ht="12.95" customHeight="1">
      <c r="A62" s="78"/>
      <c r="B62" s="3"/>
      <c r="C62" s="56"/>
      <c r="D62" s="15"/>
      <c r="E62" s="76"/>
      <c r="F62" s="5"/>
    </row>
    <row r="63" spans="1:6" ht="12.95" customHeight="1">
      <c r="A63" s="78"/>
      <c r="B63" s="16"/>
      <c r="C63" s="57"/>
      <c r="D63" s="17"/>
      <c r="E63" s="77"/>
      <c r="F63" s="18"/>
    </row>
    <row r="64" spans="1:6" ht="0.95" customHeight="1">
      <c r="B64" s="19"/>
      <c r="C64" s="19"/>
      <c r="D64" s="19"/>
      <c r="E64" s="19"/>
      <c r="F64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F128"/>
  <sheetViews>
    <sheetView view="pageBreakPreview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510</v>
      </c>
      <c r="C1" s="79"/>
      <c r="D1" s="79"/>
      <c r="E1" s="79"/>
      <c r="F1" s="80"/>
    </row>
    <row r="2" spans="1:6" ht="21" customHeight="1">
      <c r="A2" s="78"/>
      <c r="B2" s="127"/>
      <c r="C2" s="128"/>
      <c r="D2" s="128"/>
      <c r="E2" s="128"/>
      <c r="F2" s="129"/>
    </row>
    <row r="3" spans="1:6" ht="21" customHeight="1">
      <c r="A3" s="78"/>
      <c r="B3" s="84" t="s">
        <v>498</v>
      </c>
      <c r="C3" s="85" t="s">
        <v>499</v>
      </c>
      <c r="D3" s="85" t="s">
        <v>500</v>
      </c>
      <c r="E3" s="85" t="s">
        <v>501</v>
      </c>
      <c r="F3" s="86" t="s">
        <v>502</v>
      </c>
    </row>
    <row r="4" spans="1:6" ht="12.95" customHeight="1">
      <c r="A4" s="78" t="s">
        <v>7</v>
      </c>
      <c r="B4" s="87" t="s">
        <v>511</v>
      </c>
      <c r="C4" s="53" t="s">
        <v>7</v>
      </c>
      <c r="D4" s="92" t="s">
        <v>7</v>
      </c>
      <c r="E4" s="53" t="s">
        <v>7</v>
      </c>
      <c r="F4" s="90" t="s">
        <v>7</v>
      </c>
    </row>
    <row r="5" spans="1:6" ht="12.95" customHeight="1">
      <c r="A5" s="78" t="s">
        <v>7</v>
      </c>
      <c r="B5" s="87" t="s">
        <v>512</v>
      </c>
      <c r="C5" s="53" t="s">
        <v>504</v>
      </c>
      <c r="D5" s="93" t="s">
        <v>7</v>
      </c>
      <c r="E5" s="53"/>
      <c r="F5" s="90" t="s">
        <v>7</v>
      </c>
    </row>
    <row r="6" spans="1:6" ht="12.95" customHeight="1">
      <c r="A6" s="78" t="s">
        <v>7</v>
      </c>
      <c r="B6" s="88" t="s">
        <v>7</v>
      </c>
      <c r="C6" s="54" t="s">
        <v>7</v>
      </c>
      <c r="D6" s="94" t="s">
        <v>505</v>
      </c>
      <c r="E6" s="54"/>
      <c r="F6" s="91" t="s">
        <v>7</v>
      </c>
    </row>
    <row r="7" spans="1:6" ht="12.95" customHeight="1">
      <c r="A7" s="78" t="s">
        <v>7</v>
      </c>
      <c r="B7" s="89" t="s">
        <v>513</v>
      </c>
      <c r="C7" s="53" t="s">
        <v>7</v>
      </c>
      <c r="D7" s="93" t="s">
        <v>7</v>
      </c>
      <c r="E7" s="53"/>
      <c r="F7" s="95" t="s">
        <v>7</v>
      </c>
    </row>
    <row r="8" spans="1:6" ht="12.95" customHeight="1">
      <c r="A8" s="78" t="s">
        <v>7</v>
      </c>
      <c r="B8" s="87" t="s">
        <v>7</v>
      </c>
      <c r="C8" s="53" t="s">
        <v>7</v>
      </c>
      <c r="D8" s="93" t="s">
        <v>7</v>
      </c>
      <c r="E8" s="53"/>
      <c r="F8" s="95" t="s">
        <v>7</v>
      </c>
    </row>
    <row r="9" spans="1:6" ht="12.95" customHeight="1">
      <c r="A9" s="78" t="s">
        <v>7</v>
      </c>
      <c r="B9" s="88" t="s">
        <v>7</v>
      </c>
      <c r="C9" s="54" t="s">
        <v>7</v>
      </c>
      <c r="D9" s="94" t="s">
        <v>7</v>
      </c>
      <c r="E9" s="54"/>
      <c r="F9" s="96" t="s">
        <v>7</v>
      </c>
    </row>
    <row r="10" spans="1:6" ht="12.95" customHeight="1">
      <c r="A10" s="78"/>
      <c r="B10" s="10"/>
      <c r="C10" s="55"/>
      <c r="D10" s="11"/>
      <c r="E10" s="55"/>
      <c r="F10" s="22"/>
    </row>
    <row r="11" spans="1:6" ht="12.95" customHeight="1">
      <c r="A11" s="78"/>
      <c r="B11" s="3"/>
      <c r="C11" s="53"/>
      <c r="D11" s="9"/>
      <c r="E11" s="53"/>
      <c r="F11" s="20"/>
    </row>
    <row r="12" spans="1:6" ht="12.95" customHeight="1">
      <c r="A12" s="78"/>
      <c r="B12" s="6"/>
      <c r="C12" s="54"/>
      <c r="D12" s="7"/>
      <c r="E12" s="54"/>
      <c r="F12" s="21"/>
    </row>
    <row r="13" spans="1:6" ht="12.95" customHeight="1">
      <c r="A13" s="78"/>
      <c r="B13" s="10"/>
      <c r="C13" s="55"/>
      <c r="D13" s="11"/>
      <c r="E13" s="55"/>
      <c r="F13" s="22"/>
    </row>
    <row r="14" spans="1:6" ht="12.95" customHeight="1">
      <c r="A14" s="78"/>
      <c r="B14" s="3"/>
      <c r="C14" s="53"/>
      <c r="D14" s="9"/>
      <c r="E14" s="53"/>
      <c r="F14" s="20"/>
    </row>
    <row r="15" spans="1:6" ht="12.95" customHeight="1">
      <c r="A15" s="78"/>
      <c r="B15" s="6"/>
      <c r="C15" s="54"/>
      <c r="D15" s="7"/>
      <c r="E15" s="54"/>
      <c r="F15" s="21"/>
    </row>
    <row r="16" spans="1:6" ht="12.95" customHeight="1">
      <c r="A16" s="78"/>
      <c r="B16" s="10"/>
      <c r="C16" s="55"/>
      <c r="D16" s="11"/>
      <c r="E16" s="55"/>
      <c r="F16" s="22"/>
    </row>
    <row r="17" spans="1:6" ht="12.95" customHeight="1">
      <c r="A17" s="78"/>
      <c r="B17" s="3"/>
      <c r="C17" s="53"/>
      <c r="D17" s="9"/>
      <c r="E17" s="53"/>
      <c r="F17" s="20"/>
    </row>
    <row r="18" spans="1:6" ht="12.95" customHeight="1">
      <c r="A18" s="78"/>
      <c r="B18" s="6"/>
      <c r="C18" s="54"/>
      <c r="D18" s="7"/>
      <c r="E18" s="54"/>
      <c r="F18" s="21"/>
    </row>
    <row r="19" spans="1:6" ht="12.95" customHeight="1">
      <c r="A19" s="78"/>
      <c r="B19" s="10"/>
      <c r="C19" s="55"/>
      <c r="D19" s="11"/>
      <c r="E19" s="55"/>
      <c r="F19" s="22"/>
    </row>
    <row r="20" spans="1:6" ht="12.95" customHeight="1">
      <c r="A20" s="78"/>
      <c r="B20" s="3"/>
      <c r="C20" s="53"/>
      <c r="D20" s="9"/>
      <c r="E20" s="53"/>
      <c r="F20" s="20"/>
    </row>
    <row r="21" spans="1:6" ht="12.95" customHeight="1">
      <c r="A21" s="78"/>
      <c r="B21" s="6"/>
      <c r="C21" s="54"/>
      <c r="D21" s="7"/>
      <c r="E21" s="54"/>
      <c r="F21" s="21"/>
    </row>
    <row r="22" spans="1:6" ht="12.95" customHeight="1">
      <c r="A22" s="78"/>
      <c r="B22" s="10"/>
      <c r="C22" s="55"/>
      <c r="D22" s="11"/>
      <c r="E22" s="55"/>
      <c r="F22" s="22"/>
    </row>
    <row r="23" spans="1:6" ht="12.95" customHeight="1">
      <c r="A23" s="78"/>
      <c r="B23" s="3"/>
      <c r="C23" s="53"/>
      <c r="D23" s="9"/>
      <c r="E23" s="53"/>
      <c r="F23" s="20"/>
    </row>
    <row r="24" spans="1:6" ht="12.95" customHeight="1">
      <c r="A24" s="78"/>
      <c r="B24" s="6"/>
      <c r="C24" s="54"/>
      <c r="D24" s="7"/>
      <c r="E24" s="54"/>
      <c r="F24" s="21"/>
    </row>
    <row r="25" spans="1:6" ht="12.95" customHeight="1">
      <c r="A25" s="78"/>
      <c r="B25" s="10"/>
      <c r="C25" s="55"/>
      <c r="D25" s="11"/>
      <c r="E25" s="55"/>
      <c r="F25" s="22"/>
    </row>
    <row r="26" spans="1:6" ht="12.95" customHeight="1">
      <c r="A26" s="78"/>
      <c r="B26" s="3"/>
      <c r="C26" s="53"/>
      <c r="D26" s="9"/>
      <c r="E26" s="53"/>
      <c r="F26" s="20"/>
    </row>
    <row r="27" spans="1:6" ht="12.95" customHeight="1">
      <c r="A27" s="78"/>
      <c r="B27" s="6"/>
      <c r="C27" s="54"/>
      <c r="D27" s="7"/>
      <c r="E27" s="54"/>
      <c r="F27" s="21"/>
    </row>
    <row r="28" spans="1:6" ht="12.95" customHeight="1">
      <c r="A28" s="78"/>
      <c r="B28" s="10"/>
      <c r="C28" s="55"/>
      <c r="D28" s="11"/>
      <c r="E28" s="55"/>
      <c r="F28" s="22"/>
    </row>
    <row r="29" spans="1:6" ht="12.95" customHeight="1">
      <c r="A29" s="78"/>
      <c r="B29" s="3"/>
      <c r="C29" s="53"/>
      <c r="D29" s="9"/>
      <c r="E29" s="53"/>
      <c r="F29" s="20"/>
    </row>
    <row r="30" spans="1:6" ht="12.95" customHeight="1">
      <c r="A30" s="78"/>
      <c r="B30" s="6"/>
      <c r="C30" s="54"/>
      <c r="D30" s="7"/>
      <c r="E30" s="54"/>
      <c r="F30" s="21"/>
    </row>
    <row r="31" spans="1:6" ht="12.95" customHeight="1">
      <c r="A31" s="78"/>
      <c r="B31" s="10"/>
      <c r="C31" s="55"/>
      <c r="D31" s="11"/>
      <c r="E31" s="55"/>
      <c r="F31" s="22"/>
    </row>
    <row r="32" spans="1:6" ht="12.95" customHeight="1">
      <c r="A32" s="78"/>
      <c r="B32" s="3"/>
      <c r="C32" s="53"/>
      <c r="D32" s="9"/>
      <c r="E32" s="53"/>
      <c r="F32" s="20"/>
    </row>
    <row r="33" spans="1:6" ht="12.95" customHeight="1">
      <c r="A33" s="78"/>
      <c r="B33" s="6"/>
      <c r="C33" s="54"/>
      <c r="D33" s="7"/>
      <c r="E33" s="54"/>
      <c r="F33" s="21"/>
    </row>
    <row r="34" spans="1:6" ht="12.95" customHeight="1">
      <c r="A34" s="78"/>
      <c r="B34" s="10"/>
      <c r="C34" s="55"/>
      <c r="D34" s="11"/>
      <c r="E34" s="55"/>
      <c r="F34" s="22"/>
    </row>
    <row r="35" spans="1:6" ht="12.95" customHeight="1">
      <c r="A35" s="78"/>
      <c r="B35" s="3"/>
      <c r="C35" s="53"/>
      <c r="D35" s="9"/>
      <c r="E35" s="53"/>
      <c r="F35" s="20"/>
    </row>
    <row r="36" spans="1:6" ht="12.95" customHeight="1">
      <c r="A36" s="78"/>
      <c r="B36" s="6"/>
      <c r="C36" s="54"/>
      <c r="D36" s="7"/>
      <c r="E36" s="54"/>
      <c r="F36" s="21"/>
    </row>
    <row r="37" spans="1:6" ht="12.95" customHeight="1">
      <c r="A37" s="78"/>
      <c r="B37" s="10"/>
      <c r="C37" s="55"/>
      <c r="D37" s="11"/>
      <c r="E37" s="55"/>
      <c r="F37" s="22"/>
    </row>
    <row r="38" spans="1:6" ht="12.95" customHeight="1">
      <c r="A38" s="78"/>
      <c r="B38" s="3"/>
      <c r="C38" s="53"/>
      <c r="D38" s="9"/>
      <c r="E38" s="53"/>
      <c r="F38" s="20"/>
    </row>
    <row r="39" spans="1:6" ht="12.95" customHeight="1">
      <c r="A39" s="78"/>
      <c r="B39" s="6"/>
      <c r="C39" s="54"/>
      <c r="D39" s="7"/>
      <c r="E39" s="54"/>
      <c r="F39" s="21"/>
    </row>
    <row r="40" spans="1:6" ht="12.95" customHeight="1">
      <c r="A40" s="78"/>
      <c r="B40" s="10"/>
      <c r="C40" s="55"/>
      <c r="D40" s="13"/>
      <c r="E40" s="55"/>
      <c r="F40" s="22"/>
    </row>
    <row r="41" spans="1:6" ht="12.95" customHeight="1">
      <c r="A41" s="78"/>
      <c r="B41" s="3"/>
      <c r="C41" s="53"/>
      <c r="D41" s="9"/>
      <c r="E41" s="53"/>
      <c r="F41" s="20"/>
    </row>
    <row r="42" spans="1:6" ht="12.95" customHeight="1">
      <c r="A42" s="78"/>
      <c r="B42" s="6"/>
      <c r="C42" s="54"/>
      <c r="D42" s="7"/>
      <c r="E42" s="54"/>
      <c r="F42" s="21"/>
    </row>
    <row r="43" spans="1:6" ht="12.95" customHeight="1">
      <c r="A43" s="78"/>
      <c r="B43" s="10"/>
      <c r="C43" s="55"/>
      <c r="D43" s="11"/>
      <c r="E43" s="55"/>
      <c r="F43" s="22"/>
    </row>
    <row r="44" spans="1:6" ht="12.95" customHeight="1">
      <c r="A44" s="78"/>
      <c r="B44" s="3"/>
      <c r="C44" s="53"/>
      <c r="D44" s="9"/>
      <c r="E44" s="53"/>
      <c r="F44" s="20"/>
    </row>
    <row r="45" spans="1:6" ht="12.95" customHeight="1">
      <c r="A45" s="78"/>
      <c r="B45" s="6"/>
      <c r="C45" s="54"/>
      <c r="D45" s="7"/>
      <c r="E45" s="54"/>
      <c r="F45" s="21"/>
    </row>
    <row r="46" spans="1:6" ht="12.95" customHeight="1">
      <c r="A46" s="78"/>
      <c r="B46" s="10"/>
      <c r="C46" s="55"/>
      <c r="D46" s="11"/>
      <c r="E46" s="55"/>
      <c r="F46" s="22"/>
    </row>
    <row r="47" spans="1:6" ht="12.95" customHeight="1">
      <c r="A47" s="78"/>
      <c r="B47" s="3"/>
      <c r="C47" s="53"/>
      <c r="D47" s="9"/>
      <c r="E47" s="53"/>
      <c r="F47" s="20"/>
    </row>
    <row r="48" spans="1:6" ht="12.95" customHeight="1">
      <c r="A48" s="78"/>
      <c r="B48" s="6"/>
      <c r="C48" s="54"/>
      <c r="D48" s="7"/>
      <c r="E48" s="54"/>
      <c r="F48" s="21"/>
    </row>
    <row r="49" spans="1:6" ht="12.95" customHeight="1">
      <c r="A49" s="78"/>
      <c r="B49" s="10"/>
      <c r="C49" s="55"/>
      <c r="D49" s="11"/>
      <c r="E49" s="55"/>
      <c r="F49" s="22"/>
    </row>
    <row r="50" spans="1:6" ht="12.95" customHeight="1">
      <c r="A50" s="78"/>
      <c r="B50" s="3"/>
      <c r="C50" s="53"/>
      <c r="D50" s="4"/>
      <c r="E50" s="53"/>
      <c r="F50" s="20"/>
    </row>
    <row r="51" spans="1:6" ht="12.95" customHeight="1">
      <c r="A51" s="78"/>
      <c r="B51" s="6"/>
      <c r="C51" s="54"/>
      <c r="D51" s="7"/>
      <c r="E51" s="54"/>
      <c r="F51" s="21"/>
    </row>
    <row r="52" spans="1:6" ht="12.95" customHeight="1">
      <c r="A52" s="78"/>
      <c r="B52" s="10"/>
      <c r="C52" s="55"/>
      <c r="D52" s="11"/>
      <c r="E52" s="55"/>
      <c r="F52" s="22"/>
    </row>
    <row r="53" spans="1:6" ht="12.95" customHeight="1">
      <c r="A53" s="78"/>
      <c r="B53" s="3"/>
      <c r="C53" s="53"/>
      <c r="D53" s="9"/>
      <c r="E53" s="53"/>
      <c r="F53" s="20"/>
    </row>
    <row r="54" spans="1:6" ht="12.95" customHeight="1">
      <c r="A54" s="78"/>
      <c r="B54" s="6"/>
      <c r="C54" s="54"/>
      <c r="D54" s="7"/>
      <c r="E54" s="54"/>
      <c r="F54" s="21"/>
    </row>
    <row r="55" spans="1:6" ht="12.95" customHeight="1">
      <c r="A55" s="78"/>
      <c r="B55" s="10"/>
      <c r="C55" s="55"/>
      <c r="D55" s="11"/>
      <c r="E55" s="55"/>
      <c r="F55" s="22"/>
    </row>
    <row r="56" spans="1:6" ht="12.95" customHeight="1">
      <c r="A56" s="78"/>
      <c r="B56" s="3"/>
      <c r="C56" s="53"/>
      <c r="D56" s="9"/>
      <c r="E56" s="53"/>
      <c r="F56" s="20"/>
    </row>
    <row r="57" spans="1:6" ht="12.95" customHeight="1">
      <c r="A57" s="78"/>
      <c r="B57" s="6"/>
      <c r="C57" s="54"/>
      <c r="D57" s="7"/>
      <c r="E57" s="54"/>
      <c r="F57" s="21"/>
    </row>
    <row r="58" spans="1:6" ht="12.95" customHeight="1">
      <c r="A58" s="78"/>
      <c r="B58" s="10"/>
      <c r="C58" s="55"/>
      <c r="D58" s="11"/>
      <c r="E58" s="55"/>
      <c r="F58" s="22"/>
    </row>
    <row r="59" spans="1:6" ht="12.95" customHeight="1">
      <c r="A59" s="78"/>
      <c r="B59" s="3"/>
      <c r="C59" s="53"/>
      <c r="D59" s="9"/>
      <c r="E59" s="53"/>
      <c r="F59" s="20"/>
    </row>
    <row r="60" spans="1:6" ht="12.95" customHeight="1">
      <c r="A60" s="78"/>
      <c r="B60" s="6"/>
      <c r="C60" s="54"/>
      <c r="D60" s="14"/>
      <c r="E60" s="54"/>
      <c r="F60" s="21"/>
    </row>
    <row r="61" spans="1:6" ht="12.95" customHeight="1">
      <c r="A61" s="78"/>
      <c r="B61" s="10"/>
      <c r="C61" s="55"/>
      <c r="D61" s="11"/>
      <c r="E61" s="55"/>
      <c r="F61" s="22"/>
    </row>
    <row r="62" spans="1:6" ht="12.95" customHeight="1">
      <c r="A62" s="78"/>
      <c r="B62" s="3"/>
      <c r="C62" s="56"/>
      <c r="D62" s="15"/>
      <c r="E62" s="56"/>
      <c r="F62" s="20"/>
    </row>
    <row r="63" spans="1:6" ht="12.95" customHeight="1">
      <c r="A63" s="78"/>
      <c r="B63" s="16"/>
      <c r="C63" s="57"/>
      <c r="D63" s="17"/>
      <c r="E63" s="57"/>
      <c r="F63" s="23"/>
    </row>
    <row r="64" spans="1:6" ht="0.95" customHeight="1">
      <c r="B64" s="19"/>
      <c r="C64" s="19"/>
      <c r="D64" s="19"/>
      <c r="E64" s="19"/>
      <c r="F64" s="19"/>
    </row>
    <row r="65" spans="1:6" s="1" customFormat="1" ht="18" customHeight="1">
      <c r="B65" s="79" t="s">
        <v>514</v>
      </c>
      <c r="C65" s="79"/>
      <c r="D65" s="79"/>
      <c r="E65" s="79"/>
      <c r="F65" s="80"/>
    </row>
    <row r="66" spans="1:6" ht="21" customHeight="1">
      <c r="A66" s="78"/>
      <c r="B66" s="127"/>
      <c r="C66" s="128"/>
      <c r="D66" s="128"/>
      <c r="E66" s="128"/>
      <c r="F66" s="129"/>
    </row>
    <row r="67" spans="1:6" ht="21" customHeight="1">
      <c r="A67" s="78"/>
      <c r="B67" s="84" t="s">
        <v>498</v>
      </c>
      <c r="C67" s="85" t="s">
        <v>499</v>
      </c>
      <c r="D67" s="85" t="s">
        <v>500</v>
      </c>
      <c r="E67" s="85" t="s">
        <v>501</v>
      </c>
      <c r="F67" s="86" t="s">
        <v>502</v>
      </c>
    </row>
    <row r="68" spans="1:6" ht="12.95" customHeight="1">
      <c r="A68" s="78" t="s">
        <v>7</v>
      </c>
      <c r="B68" s="87" t="s">
        <v>515</v>
      </c>
      <c r="C68" s="53" t="s">
        <v>7</v>
      </c>
      <c r="D68" s="92" t="s">
        <v>7</v>
      </c>
      <c r="E68" s="53" t="s">
        <v>7</v>
      </c>
      <c r="F68" s="90" t="s">
        <v>7</v>
      </c>
    </row>
    <row r="69" spans="1:6" ht="12.95" customHeight="1">
      <c r="A69" s="78" t="s">
        <v>7</v>
      </c>
      <c r="B69" s="87" t="s">
        <v>7</v>
      </c>
      <c r="C69" s="53" t="s">
        <v>504</v>
      </c>
      <c r="D69" s="93" t="s">
        <v>7</v>
      </c>
      <c r="E69" s="53"/>
      <c r="F69" s="90" t="s">
        <v>7</v>
      </c>
    </row>
    <row r="70" spans="1:6" ht="12.95" customHeight="1">
      <c r="A70" s="78" t="s">
        <v>7</v>
      </c>
      <c r="B70" s="88" t="s">
        <v>7</v>
      </c>
      <c r="C70" s="54" t="s">
        <v>7</v>
      </c>
      <c r="D70" s="94" t="s">
        <v>505</v>
      </c>
      <c r="E70" s="54"/>
      <c r="F70" s="91" t="s">
        <v>7</v>
      </c>
    </row>
    <row r="71" spans="1:6" ht="12.95" customHeight="1">
      <c r="A71" s="78" t="s">
        <v>7</v>
      </c>
      <c r="B71" s="89" t="s">
        <v>513</v>
      </c>
      <c r="C71" s="53" t="s">
        <v>7</v>
      </c>
      <c r="D71" s="93" t="s">
        <v>7</v>
      </c>
      <c r="E71" s="53"/>
      <c r="F71" s="95" t="s">
        <v>7</v>
      </c>
    </row>
    <row r="72" spans="1:6" ht="12.95" customHeight="1">
      <c r="A72" s="78" t="s">
        <v>7</v>
      </c>
      <c r="B72" s="87" t="s">
        <v>7</v>
      </c>
      <c r="C72" s="53" t="s">
        <v>7</v>
      </c>
      <c r="D72" s="93" t="s">
        <v>7</v>
      </c>
      <c r="E72" s="53"/>
      <c r="F72" s="95" t="s">
        <v>7</v>
      </c>
    </row>
    <row r="73" spans="1:6" ht="12.95" customHeight="1">
      <c r="A73" s="78" t="s">
        <v>7</v>
      </c>
      <c r="B73" s="88" t="s">
        <v>7</v>
      </c>
      <c r="C73" s="54" t="s">
        <v>7</v>
      </c>
      <c r="D73" s="94" t="s">
        <v>7</v>
      </c>
      <c r="E73" s="54"/>
      <c r="F73" s="96" t="s">
        <v>7</v>
      </c>
    </row>
    <row r="74" spans="1:6" ht="12.95" customHeight="1">
      <c r="A74" s="78"/>
      <c r="B74" s="10"/>
      <c r="C74" s="55"/>
      <c r="D74" s="11"/>
      <c r="E74" s="55"/>
      <c r="F74" s="22"/>
    </row>
    <row r="75" spans="1:6" ht="12.95" customHeight="1">
      <c r="A75" s="78"/>
      <c r="B75" s="3"/>
      <c r="C75" s="53"/>
      <c r="D75" s="9"/>
      <c r="E75" s="53"/>
      <c r="F75" s="20"/>
    </row>
    <row r="76" spans="1:6" ht="12.95" customHeight="1">
      <c r="A76" s="78"/>
      <c r="B76" s="6"/>
      <c r="C76" s="54"/>
      <c r="D76" s="7"/>
      <c r="E76" s="54"/>
      <c r="F76" s="21"/>
    </row>
    <row r="77" spans="1:6" ht="12.95" customHeight="1">
      <c r="A77" s="78"/>
      <c r="B77" s="10"/>
      <c r="C77" s="55"/>
      <c r="D77" s="11"/>
      <c r="E77" s="55"/>
      <c r="F77" s="22"/>
    </row>
    <row r="78" spans="1:6" ht="12.95" customHeight="1">
      <c r="A78" s="78"/>
      <c r="B78" s="3"/>
      <c r="C78" s="53"/>
      <c r="D78" s="9"/>
      <c r="E78" s="53"/>
      <c r="F78" s="20"/>
    </row>
    <row r="79" spans="1:6" ht="12.95" customHeight="1">
      <c r="A79" s="78"/>
      <c r="B79" s="6"/>
      <c r="C79" s="54"/>
      <c r="D79" s="7"/>
      <c r="E79" s="54"/>
      <c r="F79" s="21"/>
    </row>
    <row r="80" spans="1:6" ht="12.95" customHeight="1">
      <c r="A80" s="78"/>
      <c r="B80" s="10"/>
      <c r="C80" s="55"/>
      <c r="D80" s="11"/>
      <c r="E80" s="55"/>
      <c r="F80" s="22"/>
    </row>
    <row r="81" spans="1:6" ht="12.95" customHeight="1">
      <c r="A81" s="78"/>
      <c r="B81" s="3"/>
      <c r="C81" s="53"/>
      <c r="D81" s="9"/>
      <c r="E81" s="53"/>
      <c r="F81" s="20"/>
    </row>
    <row r="82" spans="1:6" ht="12.95" customHeight="1">
      <c r="A82" s="78"/>
      <c r="B82" s="6"/>
      <c r="C82" s="54"/>
      <c r="D82" s="7"/>
      <c r="E82" s="54"/>
      <c r="F82" s="21"/>
    </row>
    <row r="83" spans="1:6" ht="12.95" customHeight="1">
      <c r="A83" s="78"/>
      <c r="B83" s="10"/>
      <c r="C83" s="55"/>
      <c r="D83" s="11"/>
      <c r="E83" s="55"/>
      <c r="F83" s="22"/>
    </row>
    <row r="84" spans="1:6" ht="12.95" customHeight="1">
      <c r="A84" s="78"/>
      <c r="B84" s="3"/>
      <c r="C84" s="53"/>
      <c r="D84" s="9"/>
      <c r="E84" s="53"/>
      <c r="F84" s="20"/>
    </row>
    <row r="85" spans="1:6" ht="12.95" customHeight="1">
      <c r="A85" s="78"/>
      <c r="B85" s="6"/>
      <c r="C85" s="54"/>
      <c r="D85" s="7"/>
      <c r="E85" s="54"/>
      <c r="F85" s="21"/>
    </row>
    <row r="86" spans="1:6" ht="12.95" customHeight="1">
      <c r="A86" s="78"/>
      <c r="B86" s="10"/>
      <c r="C86" s="55"/>
      <c r="D86" s="11"/>
      <c r="E86" s="55"/>
      <c r="F86" s="22"/>
    </row>
    <row r="87" spans="1:6" ht="12.95" customHeight="1">
      <c r="A87" s="78"/>
      <c r="B87" s="3"/>
      <c r="C87" s="53"/>
      <c r="D87" s="9"/>
      <c r="E87" s="53"/>
      <c r="F87" s="20"/>
    </row>
    <row r="88" spans="1:6" ht="12.95" customHeight="1">
      <c r="A88" s="78"/>
      <c r="B88" s="6"/>
      <c r="C88" s="54"/>
      <c r="D88" s="7"/>
      <c r="E88" s="54"/>
      <c r="F88" s="21"/>
    </row>
    <row r="89" spans="1:6" ht="12.95" customHeight="1">
      <c r="A89" s="78"/>
      <c r="B89" s="10"/>
      <c r="C89" s="55"/>
      <c r="D89" s="11"/>
      <c r="E89" s="55"/>
      <c r="F89" s="22"/>
    </row>
    <row r="90" spans="1:6" ht="12.95" customHeight="1">
      <c r="A90" s="78"/>
      <c r="B90" s="3"/>
      <c r="C90" s="53"/>
      <c r="D90" s="9"/>
      <c r="E90" s="53"/>
      <c r="F90" s="20"/>
    </row>
    <row r="91" spans="1:6" ht="12.95" customHeight="1">
      <c r="A91" s="78"/>
      <c r="B91" s="6"/>
      <c r="C91" s="54"/>
      <c r="D91" s="7"/>
      <c r="E91" s="54"/>
      <c r="F91" s="21"/>
    </row>
    <row r="92" spans="1:6" ht="12.95" customHeight="1">
      <c r="A92" s="78"/>
      <c r="B92" s="10"/>
      <c r="C92" s="55"/>
      <c r="D92" s="11"/>
      <c r="E92" s="55"/>
      <c r="F92" s="22"/>
    </row>
    <row r="93" spans="1:6" ht="12.95" customHeight="1">
      <c r="A93" s="78"/>
      <c r="B93" s="3"/>
      <c r="C93" s="53"/>
      <c r="D93" s="9"/>
      <c r="E93" s="53"/>
      <c r="F93" s="20"/>
    </row>
    <row r="94" spans="1:6" ht="12.95" customHeight="1">
      <c r="A94" s="78"/>
      <c r="B94" s="6"/>
      <c r="C94" s="54"/>
      <c r="D94" s="7"/>
      <c r="E94" s="54"/>
      <c r="F94" s="21"/>
    </row>
    <row r="95" spans="1:6" ht="12.95" customHeight="1">
      <c r="A95" s="78"/>
      <c r="B95" s="10"/>
      <c r="C95" s="55"/>
      <c r="D95" s="11"/>
      <c r="E95" s="55"/>
      <c r="F95" s="22"/>
    </row>
    <row r="96" spans="1:6" ht="12.95" customHeight="1">
      <c r="A96" s="78"/>
      <c r="B96" s="3"/>
      <c r="C96" s="53"/>
      <c r="D96" s="9"/>
      <c r="E96" s="53"/>
      <c r="F96" s="20"/>
    </row>
    <row r="97" spans="1:6" ht="12.95" customHeight="1">
      <c r="A97" s="78"/>
      <c r="B97" s="6"/>
      <c r="C97" s="54"/>
      <c r="D97" s="7"/>
      <c r="E97" s="54"/>
      <c r="F97" s="21"/>
    </row>
    <row r="98" spans="1:6" ht="12.95" customHeight="1">
      <c r="A98" s="78"/>
      <c r="B98" s="10"/>
      <c r="C98" s="55"/>
      <c r="D98" s="11"/>
      <c r="E98" s="55"/>
      <c r="F98" s="22"/>
    </row>
    <row r="99" spans="1:6" ht="12.95" customHeight="1">
      <c r="A99" s="78"/>
      <c r="B99" s="3"/>
      <c r="C99" s="53"/>
      <c r="D99" s="9"/>
      <c r="E99" s="53"/>
      <c r="F99" s="20"/>
    </row>
    <row r="100" spans="1:6" ht="12.95" customHeight="1">
      <c r="A100" s="78"/>
      <c r="B100" s="6"/>
      <c r="C100" s="54"/>
      <c r="D100" s="7"/>
      <c r="E100" s="54"/>
      <c r="F100" s="21"/>
    </row>
    <row r="101" spans="1:6" ht="12.95" customHeight="1">
      <c r="A101" s="78"/>
      <c r="B101" s="10"/>
      <c r="C101" s="55"/>
      <c r="D101" s="11"/>
      <c r="E101" s="55"/>
      <c r="F101" s="22"/>
    </row>
    <row r="102" spans="1:6" ht="12.95" customHeight="1">
      <c r="A102" s="78"/>
      <c r="B102" s="3"/>
      <c r="C102" s="53"/>
      <c r="D102" s="9"/>
      <c r="E102" s="53"/>
      <c r="F102" s="20"/>
    </row>
    <row r="103" spans="1:6" ht="12.95" customHeight="1">
      <c r="A103" s="78"/>
      <c r="B103" s="6"/>
      <c r="C103" s="54"/>
      <c r="D103" s="7"/>
      <c r="E103" s="54"/>
      <c r="F103" s="21"/>
    </row>
    <row r="104" spans="1:6" ht="12.95" customHeight="1">
      <c r="A104" s="78"/>
      <c r="B104" s="10"/>
      <c r="C104" s="55"/>
      <c r="D104" s="13"/>
      <c r="E104" s="55"/>
      <c r="F104" s="22"/>
    </row>
    <row r="105" spans="1:6" ht="12.95" customHeight="1">
      <c r="A105" s="78"/>
      <c r="B105" s="3"/>
      <c r="C105" s="53"/>
      <c r="D105" s="9"/>
      <c r="E105" s="53"/>
      <c r="F105" s="20"/>
    </row>
    <row r="106" spans="1:6" ht="12.95" customHeight="1">
      <c r="A106" s="78"/>
      <c r="B106" s="6"/>
      <c r="C106" s="54"/>
      <c r="D106" s="7"/>
      <c r="E106" s="54"/>
      <c r="F106" s="21"/>
    </row>
    <row r="107" spans="1:6" ht="12.95" customHeight="1">
      <c r="A107" s="78"/>
      <c r="B107" s="10"/>
      <c r="C107" s="55"/>
      <c r="D107" s="11"/>
      <c r="E107" s="55"/>
      <c r="F107" s="22"/>
    </row>
    <row r="108" spans="1:6" ht="12.95" customHeight="1">
      <c r="A108" s="78"/>
      <c r="B108" s="3"/>
      <c r="C108" s="53"/>
      <c r="D108" s="9"/>
      <c r="E108" s="53"/>
      <c r="F108" s="20"/>
    </row>
    <row r="109" spans="1:6" ht="12.95" customHeight="1">
      <c r="A109" s="78"/>
      <c r="B109" s="6"/>
      <c r="C109" s="54"/>
      <c r="D109" s="7"/>
      <c r="E109" s="54"/>
      <c r="F109" s="21"/>
    </row>
    <row r="110" spans="1:6" ht="12.95" customHeight="1">
      <c r="A110" s="78"/>
      <c r="B110" s="10"/>
      <c r="C110" s="55"/>
      <c r="D110" s="11"/>
      <c r="E110" s="55"/>
      <c r="F110" s="22"/>
    </row>
    <row r="111" spans="1:6" ht="12.95" customHeight="1">
      <c r="A111" s="78"/>
      <c r="B111" s="3"/>
      <c r="C111" s="53"/>
      <c r="D111" s="9"/>
      <c r="E111" s="53"/>
      <c r="F111" s="20"/>
    </row>
    <row r="112" spans="1:6" ht="12.95" customHeight="1">
      <c r="A112" s="78"/>
      <c r="B112" s="6"/>
      <c r="C112" s="54"/>
      <c r="D112" s="7"/>
      <c r="E112" s="54"/>
      <c r="F112" s="21"/>
    </row>
    <row r="113" spans="1:6" ht="12.95" customHeight="1">
      <c r="A113" s="78"/>
      <c r="B113" s="10"/>
      <c r="C113" s="55"/>
      <c r="D113" s="11"/>
      <c r="E113" s="55"/>
      <c r="F113" s="22"/>
    </row>
    <row r="114" spans="1:6" ht="12.95" customHeight="1">
      <c r="A114" s="78"/>
      <c r="B114" s="3"/>
      <c r="C114" s="53"/>
      <c r="D114" s="4"/>
      <c r="E114" s="53"/>
      <c r="F114" s="20"/>
    </row>
    <row r="115" spans="1:6" ht="12.95" customHeight="1">
      <c r="A115" s="78"/>
      <c r="B115" s="6"/>
      <c r="C115" s="54"/>
      <c r="D115" s="7"/>
      <c r="E115" s="54"/>
      <c r="F115" s="21"/>
    </row>
    <row r="116" spans="1:6" ht="12.95" customHeight="1">
      <c r="A116" s="78"/>
      <c r="B116" s="10"/>
      <c r="C116" s="55"/>
      <c r="D116" s="11"/>
      <c r="E116" s="55"/>
      <c r="F116" s="22"/>
    </row>
    <row r="117" spans="1:6" ht="12.95" customHeight="1">
      <c r="A117" s="78"/>
      <c r="B117" s="3"/>
      <c r="C117" s="53"/>
      <c r="D117" s="9"/>
      <c r="E117" s="53"/>
      <c r="F117" s="20"/>
    </row>
    <row r="118" spans="1:6" ht="12.95" customHeight="1">
      <c r="A118" s="78"/>
      <c r="B118" s="6"/>
      <c r="C118" s="54"/>
      <c r="D118" s="7"/>
      <c r="E118" s="54"/>
      <c r="F118" s="21"/>
    </row>
    <row r="119" spans="1:6" ht="12.95" customHeight="1">
      <c r="A119" s="78"/>
      <c r="B119" s="10"/>
      <c r="C119" s="55"/>
      <c r="D119" s="11"/>
      <c r="E119" s="55"/>
      <c r="F119" s="22"/>
    </row>
    <row r="120" spans="1:6" ht="12.95" customHeight="1">
      <c r="A120" s="78"/>
      <c r="B120" s="3"/>
      <c r="C120" s="53"/>
      <c r="D120" s="9"/>
      <c r="E120" s="53"/>
      <c r="F120" s="20"/>
    </row>
    <row r="121" spans="1:6" ht="12.95" customHeight="1">
      <c r="A121" s="78"/>
      <c r="B121" s="6"/>
      <c r="C121" s="54"/>
      <c r="D121" s="7"/>
      <c r="E121" s="54"/>
      <c r="F121" s="21"/>
    </row>
    <row r="122" spans="1:6" ht="12.95" customHeight="1">
      <c r="A122" s="78"/>
      <c r="B122" s="10"/>
      <c r="C122" s="55"/>
      <c r="D122" s="11"/>
      <c r="E122" s="55"/>
      <c r="F122" s="22"/>
    </row>
    <row r="123" spans="1:6" ht="12.95" customHeight="1">
      <c r="A123" s="78"/>
      <c r="B123" s="3"/>
      <c r="C123" s="53"/>
      <c r="D123" s="9"/>
      <c r="E123" s="53"/>
      <c r="F123" s="20"/>
    </row>
    <row r="124" spans="1:6" ht="12.95" customHeight="1">
      <c r="A124" s="78"/>
      <c r="B124" s="6"/>
      <c r="C124" s="54"/>
      <c r="D124" s="14"/>
      <c r="E124" s="54"/>
      <c r="F124" s="21"/>
    </row>
    <row r="125" spans="1:6" ht="12.95" customHeight="1">
      <c r="A125" s="78"/>
      <c r="B125" s="10"/>
      <c r="C125" s="55"/>
      <c r="D125" s="11"/>
      <c r="E125" s="55"/>
      <c r="F125" s="22"/>
    </row>
    <row r="126" spans="1:6" ht="12.95" customHeight="1">
      <c r="A126" s="78"/>
      <c r="B126" s="3"/>
      <c r="C126" s="56"/>
      <c r="D126" s="15"/>
      <c r="E126" s="56"/>
      <c r="F126" s="20"/>
    </row>
    <row r="127" spans="1:6" ht="12.95" customHeight="1">
      <c r="A127" s="78"/>
      <c r="B127" s="16"/>
      <c r="C127" s="57"/>
      <c r="D127" s="17"/>
      <c r="E127" s="57"/>
      <c r="F127" s="23"/>
    </row>
    <row r="128" spans="1:6" ht="0.95" customHeight="1">
      <c r="B128" s="19"/>
      <c r="C128" s="19"/>
      <c r="D128" s="19"/>
      <c r="E128" s="19"/>
      <c r="F128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  <rowBreaks count="2" manualBreakCount="2">
    <brk id="64" max="16383" man="1"/>
    <brk id="128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F128"/>
  <sheetViews>
    <sheetView view="pageBreakPreview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516</v>
      </c>
      <c r="C1" s="79"/>
      <c r="D1" s="79"/>
      <c r="E1" s="79"/>
      <c r="F1" s="80"/>
    </row>
    <row r="2" spans="1:6" ht="21" customHeight="1">
      <c r="A2" s="78"/>
      <c r="B2" s="206" t="s">
        <v>517</v>
      </c>
      <c r="C2" s="206"/>
      <c r="D2" s="206"/>
      <c r="E2" s="206"/>
      <c r="F2" s="206"/>
    </row>
    <row r="3" spans="1:6" ht="21" customHeight="1">
      <c r="A3" s="78"/>
      <c r="B3" s="84" t="s">
        <v>0</v>
      </c>
      <c r="C3" s="85" t="s">
        <v>1</v>
      </c>
      <c r="D3" s="85" t="s">
        <v>2</v>
      </c>
      <c r="E3" s="85" t="s">
        <v>3</v>
      </c>
      <c r="F3" s="86" t="s">
        <v>5</v>
      </c>
    </row>
    <row r="4" spans="1:6" ht="12.95" customHeight="1">
      <c r="A4" s="78" t="s">
        <v>7</v>
      </c>
      <c r="B4" s="87" t="s">
        <v>518</v>
      </c>
      <c r="C4" s="53" t="s">
        <v>7</v>
      </c>
      <c r="D4" s="92" t="s">
        <v>7</v>
      </c>
      <c r="E4" s="53" t="s">
        <v>7</v>
      </c>
      <c r="F4" s="90" t="s">
        <v>7</v>
      </c>
    </row>
    <row r="5" spans="1:6" ht="12.95" customHeight="1">
      <c r="A5" s="78" t="s">
        <v>7</v>
      </c>
      <c r="B5" s="87" t="s">
        <v>7</v>
      </c>
      <c r="C5" s="53" t="s">
        <v>10</v>
      </c>
      <c r="D5" s="93" t="s">
        <v>7</v>
      </c>
      <c r="E5" s="53"/>
      <c r="F5" s="90" t="s">
        <v>7</v>
      </c>
    </row>
    <row r="6" spans="1:6" ht="12.95" customHeight="1">
      <c r="A6" s="78" t="s">
        <v>7</v>
      </c>
      <c r="B6" s="88" t="s">
        <v>7</v>
      </c>
      <c r="C6" s="54" t="s">
        <v>7</v>
      </c>
      <c r="D6" s="94" t="s">
        <v>11</v>
      </c>
      <c r="E6" s="54"/>
      <c r="F6" s="91" t="s">
        <v>7</v>
      </c>
    </row>
    <row r="7" spans="1:6" ht="12.95" customHeight="1">
      <c r="A7" s="78" t="s">
        <v>7</v>
      </c>
      <c r="B7" s="87" t="s">
        <v>519</v>
      </c>
      <c r="C7" s="53" t="s">
        <v>7</v>
      </c>
      <c r="D7" s="92" t="s">
        <v>7</v>
      </c>
      <c r="E7" s="53"/>
      <c r="F7" s="90" t="s">
        <v>7</v>
      </c>
    </row>
    <row r="8" spans="1:6" ht="12.95" customHeight="1">
      <c r="A8" s="78" t="s">
        <v>7</v>
      </c>
      <c r="B8" s="87" t="s">
        <v>7</v>
      </c>
      <c r="C8" s="53" t="s">
        <v>10</v>
      </c>
      <c r="D8" s="93" t="s">
        <v>7</v>
      </c>
      <c r="E8" s="53"/>
      <c r="F8" s="90" t="s">
        <v>7</v>
      </c>
    </row>
    <row r="9" spans="1:6" ht="12.95" customHeight="1">
      <c r="A9" s="78" t="s">
        <v>7</v>
      </c>
      <c r="B9" s="88" t="s">
        <v>7</v>
      </c>
      <c r="C9" s="54" t="s">
        <v>7</v>
      </c>
      <c r="D9" s="94" t="s">
        <v>11</v>
      </c>
      <c r="E9" s="54"/>
      <c r="F9" s="91" t="s">
        <v>7</v>
      </c>
    </row>
    <row r="10" spans="1:6" ht="12.95" customHeight="1">
      <c r="A10" s="78" t="s">
        <v>7</v>
      </c>
      <c r="B10" s="87" t="s">
        <v>520</v>
      </c>
      <c r="C10" s="53" t="s">
        <v>7</v>
      </c>
      <c r="D10" s="92" t="s">
        <v>7</v>
      </c>
      <c r="E10" s="53"/>
      <c r="F10" s="90" t="s">
        <v>7</v>
      </c>
    </row>
    <row r="11" spans="1:6" ht="12.95" customHeight="1">
      <c r="A11" s="78" t="s">
        <v>7</v>
      </c>
      <c r="B11" s="87" t="s">
        <v>7</v>
      </c>
      <c r="C11" s="53" t="s">
        <v>10</v>
      </c>
      <c r="D11" s="93" t="s">
        <v>7</v>
      </c>
      <c r="E11" s="53"/>
      <c r="F11" s="90" t="s">
        <v>7</v>
      </c>
    </row>
    <row r="12" spans="1:6" ht="12.95" customHeight="1">
      <c r="A12" s="78" t="s">
        <v>7</v>
      </c>
      <c r="B12" s="88" t="s">
        <v>7</v>
      </c>
      <c r="C12" s="54" t="s">
        <v>7</v>
      </c>
      <c r="D12" s="94" t="s">
        <v>11</v>
      </c>
      <c r="E12" s="54"/>
      <c r="F12" s="91" t="s">
        <v>7</v>
      </c>
    </row>
    <row r="13" spans="1:6" ht="12.95" customHeight="1">
      <c r="A13" s="78" t="s">
        <v>7</v>
      </c>
      <c r="B13" s="87" t="s">
        <v>521</v>
      </c>
      <c r="C13" s="53" t="s">
        <v>7</v>
      </c>
      <c r="D13" s="92" t="s">
        <v>7</v>
      </c>
      <c r="E13" s="53"/>
      <c r="F13" s="90" t="s">
        <v>7</v>
      </c>
    </row>
    <row r="14" spans="1:6" ht="12.95" customHeight="1">
      <c r="A14" s="78" t="s">
        <v>7</v>
      </c>
      <c r="B14" s="87" t="s">
        <v>7</v>
      </c>
      <c r="C14" s="53" t="s">
        <v>10</v>
      </c>
      <c r="D14" s="93" t="s">
        <v>7</v>
      </c>
      <c r="E14" s="53"/>
      <c r="F14" s="90" t="s">
        <v>7</v>
      </c>
    </row>
    <row r="15" spans="1:6" ht="12.95" customHeight="1">
      <c r="A15" s="78" t="s">
        <v>7</v>
      </c>
      <c r="B15" s="88" t="s">
        <v>7</v>
      </c>
      <c r="C15" s="54" t="s">
        <v>7</v>
      </c>
      <c r="D15" s="94" t="s">
        <v>11</v>
      </c>
      <c r="E15" s="54"/>
      <c r="F15" s="91" t="s">
        <v>7</v>
      </c>
    </row>
    <row r="16" spans="1:6" ht="12.95" customHeight="1">
      <c r="A16" s="78" t="s">
        <v>7</v>
      </c>
      <c r="B16" s="87" t="s">
        <v>522</v>
      </c>
      <c r="C16" s="53" t="s">
        <v>7</v>
      </c>
      <c r="D16" s="92" t="s">
        <v>7</v>
      </c>
      <c r="E16" s="53"/>
      <c r="F16" s="90" t="s">
        <v>7</v>
      </c>
    </row>
    <row r="17" spans="1:6" ht="12.95" customHeight="1">
      <c r="A17" s="78" t="s">
        <v>7</v>
      </c>
      <c r="B17" s="87" t="s">
        <v>7</v>
      </c>
      <c r="C17" s="53" t="s">
        <v>10</v>
      </c>
      <c r="D17" s="93" t="s">
        <v>7</v>
      </c>
      <c r="E17" s="53"/>
      <c r="F17" s="90" t="s">
        <v>7</v>
      </c>
    </row>
    <row r="18" spans="1:6" ht="12.95" customHeight="1">
      <c r="A18" s="78" t="s">
        <v>7</v>
      </c>
      <c r="B18" s="88" t="s">
        <v>7</v>
      </c>
      <c r="C18" s="54" t="s">
        <v>7</v>
      </c>
      <c r="D18" s="94" t="s">
        <v>11</v>
      </c>
      <c r="E18" s="54"/>
      <c r="F18" s="91" t="s">
        <v>7</v>
      </c>
    </row>
    <row r="19" spans="1:6" ht="12.95" customHeight="1">
      <c r="A19" s="78" t="s">
        <v>7</v>
      </c>
      <c r="B19" s="89" t="s">
        <v>14</v>
      </c>
      <c r="C19" s="53" t="s">
        <v>7</v>
      </c>
      <c r="D19" s="93" t="s">
        <v>7</v>
      </c>
      <c r="E19" s="53"/>
      <c r="F19" s="95" t="s">
        <v>7</v>
      </c>
    </row>
    <row r="20" spans="1:6" ht="12.95" customHeight="1">
      <c r="A20" s="78" t="s">
        <v>7</v>
      </c>
      <c r="B20" s="87" t="s">
        <v>7</v>
      </c>
      <c r="C20" s="53" t="s">
        <v>7</v>
      </c>
      <c r="D20" s="93" t="s">
        <v>7</v>
      </c>
      <c r="E20" s="53"/>
      <c r="F20" s="95" t="s">
        <v>7</v>
      </c>
    </row>
    <row r="21" spans="1:6" ht="12.95" customHeight="1">
      <c r="A21" s="78" t="s">
        <v>7</v>
      </c>
      <c r="B21" s="88" t="s">
        <v>7</v>
      </c>
      <c r="C21" s="54" t="s">
        <v>7</v>
      </c>
      <c r="D21" s="94" t="s">
        <v>7</v>
      </c>
      <c r="E21" s="54"/>
      <c r="F21" s="96" t="s">
        <v>7</v>
      </c>
    </row>
    <row r="22" spans="1:6" ht="12.95" customHeight="1">
      <c r="A22" s="78"/>
      <c r="B22" s="10"/>
      <c r="C22" s="55"/>
      <c r="D22" s="11"/>
      <c r="E22" s="55"/>
      <c r="F22" s="22"/>
    </row>
    <row r="23" spans="1:6" ht="12.95" customHeight="1">
      <c r="A23" s="78"/>
      <c r="B23" s="3"/>
      <c r="C23" s="53"/>
      <c r="D23" s="9"/>
      <c r="E23" s="53"/>
      <c r="F23" s="20"/>
    </row>
    <row r="24" spans="1:6" ht="12.95" customHeight="1">
      <c r="A24" s="78"/>
      <c r="B24" s="6"/>
      <c r="C24" s="54"/>
      <c r="D24" s="7"/>
      <c r="E24" s="54"/>
      <c r="F24" s="21"/>
    </row>
    <row r="25" spans="1:6" ht="12.95" customHeight="1">
      <c r="A25" s="78"/>
      <c r="B25" s="10"/>
      <c r="C25" s="55"/>
      <c r="D25" s="11"/>
      <c r="E25" s="55"/>
      <c r="F25" s="22"/>
    </row>
    <row r="26" spans="1:6" ht="12.95" customHeight="1">
      <c r="A26" s="78"/>
      <c r="B26" s="3"/>
      <c r="C26" s="53"/>
      <c r="D26" s="9"/>
      <c r="E26" s="53"/>
      <c r="F26" s="20"/>
    </row>
    <row r="27" spans="1:6" ht="12.95" customHeight="1">
      <c r="A27" s="78"/>
      <c r="B27" s="6"/>
      <c r="C27" s="54"/>
      <c r="D27" s="7"/>
      <c r="E27" s="54"/>
      <c r="F27" s="21"/>
    </row>
    <row r="28" spans="1:6" ht="12.95" customHeight="1">
      <c r="A28" s="78"/>
      <c r="B28" s="10"/>
      <c r="C28" s="55"/>
      <c r="D28" s="11"/>
      <c r="E28" s="55"/>
      <c r="F28" s="22"/>
    </row>
    <row r="29" spans="1:6" ht="12.95" customHeight="1">
      <c r="A29" s="78"/>
      <c r="B29" s="3"/>
      <c r="C29" s="53"/>
      <c r="D29" s="9"/>
      <c r="E29" s="53"/>
      <c r="F29" s="20"/>
    </row>
    <row r="30" spans="1:6" ht="12.95" customHeight="1">
      <c r="A30" s="78"/>
      <c r="B30" s="6"/>
      <c r="C30" s="54"/>
      <c r="D30" s="7"/>
      <c r="E30" s="54"/>
      <c r="F30" s="21"/>
    </row>
    <row r="31" spans="1:6" ht="12.95" customHeight="1">
      <c r="A31" s="78"/>
      <c r="B31" s="10"/>
      <c r="C31" s="55"/>
      <c r="D31" s="11"/>
      <c r="E31" s="55"/>
      <c r="F31" s="22"/>
    </row>
    <row r="32" spans="1:6" ht="12.95" customHeight="1">
      <c r="A32" s="78"/>
      <c r="B32" s="3"/>
      <c r="C32" s="53"/>
      <c r="D32" s="9"/>
      <c r="E32" s="53"/>
      <c r="F32" s="20"/>
    </row>
    <row r="33" spans="1:6" ht="12.95" customHeight="1">
      <c r="A33" s="78"/>
      <c r="B33" s="6"/>
      <c r="C33" s="54"/>
      <c r="D33" s="7"/>
      <c r="E33" s="54"/>
      <c r="F33" s="21"/>
    </row>
    <row r="34" spans="1:6" ht="12.95" customHeight="1">
      <c r="A34" s="78"/>
      <c r="B34" s="10"/>
      <c r="C34" s="55"/>
      <c r="D34" s="11"/>
      <c r="E34" s="55"/>
      <c r="F34" s="22"/>
    </row>
    <row r="35" spans="1:6" ht="12.95" customHeight="1">
      <c r="A35" s="78"/>
      <c r="B35" s="3"/>
      <c r="C35" s="53"/>
      <c r="D35" s="9"/>
      <c r="E35" s="53"/>
      <c r="F35" s="20"/>
    </row>
    <row r="36" spans="1:6" ht="12.95" customHeight="1">
      <c r="A36" s="78"/>
      <c r="B36" s="6"/>
      <c r="C36" s="54"/>
      <c r="D36" s="7"/>
      <c r="E36" s="54"/>
      <c r="F36" s="21"/>
    </row>
    <row r="37" spans="1:6" ht="12.95" customHeight="1">
      <c r="A37" s="78"/>
      <c r="B37" s="10"/>
      <c r="C37" s="55"/>
      <c r="D37" s="11"/>
      <c r="E37" s="55"/>
      <c r="F37" s="22"/>
    </row>
    <row r="38" spans="1:6" ht="12.95" customHeight="1">
      <c r="A38" s="78"/>
      <c r="B38" s="3"/>
      <c r="C38" s="53"/>
      <c r="D38" s="9"/>
      <c r="E38" s="53"/>
      <c r="F38" s="20"/>
    </row>
    <row r="39" spans="1:6" ht="12.95" customHeight="1">
      <c r="A39" s="78"/>
      <c r="B39" s="6"/>
      <c r="C39" s="54"/>
      <c r="D39" s="7"/>
      <c r="E39" s="54"/>
      <c r="F39" s="21"/>
    </row>
    <row r="40" spans="1:6" ht="12.95" customHeight="1">
      <c r="A40" s="78"/>
      <c r="B40" s="10"/>
      <c r="C40" s="55"/>
      <c r="D40" s="13"/>
      <c r="E40" s="55"/>
      <c r="F40" s="22"/>
    </row>
    <row r="41" spans="1:6" ht="12.95" customHeight="1">
      <c r="A41" s="78"/>
      <c r="B41" s="3"/>
      <c r="C41" s="53"/>
      <c r="D41" s="9"/>
      <c r="E41" s="53"/>
      <c r="F41" s="20"/>
    </row>
    <row r="42" spans="1:6" ht="12.95" customHeight="1">
      <c r="A42" s="78"/>
      <c r="B42" s="6"/>
      <c r="C42" s="54"/>
      <c r="D42" s="7"/>
      <c r="E42" s="54"/>
      <c r="F42" s="21"/>
    </row>
    <row r="43" spans="1:6" ht="12.95" customHeight="1">
      <c r="A43" s="78"/>
      <c r="B43" s="10"/>
      <c r="C43" s="55"/>
      <c r="D43" s="11"/>
      <c r="E43" s="55"/>
      <c r="F43" s="22"/>
    </row>
    <row r="44" spans="1:6" ht="12.95" customHeight="1">
      <c r="A44" s="78"/>
      <c r="B44" s="3"/>
      <c r="C44" s="53"/>
      <c r="D44" s="9"/>
      <c r="E44" s="53"/>
      <c r="F44" s="20"/>
    </row>
    <row r="45" spans="1:6" ht="12.95" customHeight="1">
      <c r="A45" s="78"/>
      <c r="B45" s="6"/>
      <c r="C45" s="54"/>
      <c r="D45" s="7"/>
      <c r="E45" s="54"/>
      <c r="F45" s="21"/>
    </row>
    <row r="46" spans="1:6" ht="12.95" customHeight="1">
      <c r="A46" s="78"/>
      <c r="B46" s="10"/>
      <c r="C46" s="55"/>
      <c r="D46" s="11"/>
      <c r="E46" s="55"/>
      <c r="F46" s="22"/>
    </row>
    <row r="47" spans="1:6" ht="12.95" customHeight="1">
      <c r="A47" s="78"/>
      <c r="B47" s="3"/>
      <c r="C47" s="53"/>
      <c r="D47" s="9"/>
      <c r="E47" s="53"/>
      <c r="F47" s="20"/>
    </row>
    <row r="48" spans="1:6" ht="12.95" customHeight="1">
      <c r="A48" s="78"/>
      <c r="B48" s="6"/>
      <c r="C48" s="54"/>
      <c r="D48" s="7"/>
      <c r="E48" s="54"/>
      <c r="F48" s="21"/>
    </row>
    <row r="49" spans="1:6" ht="12.95" customHeight="1">
      <c r="A49" s="78"/>
      <c r="B49" s="10"/>
      <c r="C49" s="55"/>
      <c r="D49" s="11"/>
      <c r="E49" s="55"/>
      <c r="F49" s="22"/>
    </row>
    <row r="50" spans="1:6" ht="12.95" customHeight="1">
      <c r="A50" s="78"/>
      <c r="B50" s="3"/>
      <c r="C50" s="53"/>
      <c r="D50" s="4"/>
      <c r="E50" s="53"/>
      <c r="F50" s="20"/>
    </row>
    <row r="51" spans="1:6" ht="12.95" customHeight="1">
      <c r="A51" s="78"/>
      <c r="B51" s="6"/>
      <c r="C51" s="54"/>
      <c r="D51" s="7"/>
      <c r="E51" s="54"/>
      <c r="F51" s="21"/>
    </row>
    <row r="52" spans="1:6" ht="12.95" customHeight="1">
      <c r="A52" s="78"/>
      <c r="B52" s="10"/>
      <c r="C52" s="55"/>
      <c r="D52" s="11"/>
      <c r="E52" s="55"/>
      <c r="F52" s="22"/>
    </row>
    <row r="53" spans="1:6" ht="12.95" customHeight="1">
      <c r="A53" s="78"/>
      <c r="B53" s="3"/>
      <c r="C53" s="53"/>
      <c r="D53" s="9"/>
      <c r="E53" s="53"/>
      <c r="F53" s="20"/>
    </row>
    <row r="54" spans="1:6" ht="12.95" customHeight="1">
      <c r="A54" s="78"/>
      <c r="B54" s="6"/>
      <c r="C54" s="54"/>
      <c r="D54" s="7"/>
      <c r="E54" s="54"/>
      <c r="F54" s="21"/>
    </row>
    <row r="55" spans="1:6" ht="12.95" customHeight="1">
      <c r="A55" s="78"/>
      <c r="B55" s="10"/>
      <c r="C55" s="55"/>
      <c r="D55" s="11"/>
      <c r="E55" s="55"/>
      <c r="F55" s="22"/>
    </row>
    <row r="56" spans="1:6" ht="12.95" customHeight="1">
      <c r="A56" s="78"/>
      <c r="B56" s="3"/>
      <c r="C56" s="53"/>
      <c r="D56" s="9"/>
      <c r="E56" s="53"/>
      <c r="F56" s="20"/>
    </row>
    <row r="57" spans="1:6" ht="12.95" customHeight="1">
      <c r="A57" s="78"/>
      <c r="B57" s="6"/>
      <c r="C57" s="54"/>
      <c r="D57" s="7"/>
      <c r="E57" s="54"/>
      <c r="F57" s="21"/>
    </row>
    <row r="58" spans="1:6" ht="12.95" customHeight="1">
      <c r="A58" s="78"/>
      <c r="B58" s="10"/>
      <c r="C58" s="55"/>
      <c r="D58" s="11"/>
      <c r="E58" s="55"/>
      <c r="F58" s="22"/>
    </row>
    <row r="59" spans="1:6" ht="12.95" customHeight="1">
      <c r="A59" s="78"/>
      <c r="B59" s="3"/>
      <c r="C59" s="53"/>
      <c r="D59" s="9"/>
      <c r="E59" s="53"/>
      <c r="F59" s="20"/>
    </row>
    <row r="60" spans="1:6" ht="12.95" customHeight="1">
      <c r="A60" s="78"/>
      <c r="B60" s="6"/>
      <c r="C60" s="54"/>
      <c r="D60" s="14"/>
      <c r="E60" s="54"/>
      <c r="F60" s="21"/>
    </row>
    <row r="61" spans="1:6" ht="12.95" customHeight="1">
      <c r="A61" s="78"/>
      <c r="B61" s="10"/>
      <c r="C61" s="55"/>
      <c r="D61" s="11"/>
      <c r="E61" s="55"/>
      <c r="F61" s="22"/>
    </row>
    <row r="62" spans="1:6" ht="12.95" customHeight="1">
      <c r="A62" s="78"/>
      <c r="B62" s="3"/>
      <c r="C62" s="56"/>
      <c r="D62" s="15"/>
      <c r="E62" s="56"/>
      <c r="F62" s="20"/>
    </row>
    <row r="63" spans="1:6" ht="12.95" customHeight="1">
      <c r="A63" s="78"/>
      <c r="B63" s="16"/>
      <c r="C63" s="57"/>
      <c r="D63" s="17"/>
      <c r="E63" s="57"/>
      <c r="F63" s="23"/>
    </row>
    <row r="64" spans="1:6" ht="0.95" customHeight="1">
      <c r="B64" s="19"/>
      <c r="C64" s="19"/>
      <c r="D64" s="19"/>
      <c r="E64" s="19"/>
      <c r="F64" s="19"/>
    </row>
    <row r="65" spans="1:6" s="1" customFormat="1" ht="18" customHeight="1">
      <c r="B65" s="79" t="s">
        <v>51</v>
      </c>
      <c r="C65" s="79"/>
      <c r="D65" s="79"/>
      <c r="E65" s="79"/>
      <c r="F65" s="80"/>
    </row>
    <row r="66" spans="1:6" ht="21" customHeight="1">
      <c r="A66" s="78"/>
      <c r="B66" s="206" t="s">
        <v>21</v>
      </c>
      <c r="C66" s="206"/>
      <c r="D66" s="206"/>
      <c r="E66" s="206"/>
      <c r="F66" s="206"/>
    </row>
    <row r="67" spans="1:6" ht="21" customHeight="1">
      <c r="A67" s="78"/>
      <c r="B67" s="84" t="s">
        <v>0</v>
      </c>
      <c r="C67" s="85" t="s">
        <v>1</v>
      </c>
      <c r="D67" s="85" t="s">
        <v>2</v>
      </c>
      <c r="E67" s="85" t="s">
        <v>3</v>
      </c>
      <c r="F67" s="86" t="s">
        <v>5</v>
      </c>
    </row>
    <row r="68" spans="1:6" ht="12.95" customHeight="1">
      <c r="A68" s="78" t="s">
        <v>7</v>
      </c>
      <c r="B68" s="87" t="s">
        <v>21</v>
      </c>
      <c r="C68" s="53" t="s">
        <v>7</v>
      </c>
      <c r="D68" s="92" t="s">
        <v>7</v>
      </c>
      <c r="E68" s="53" t="s">
        <v>7</v>
      </c>
      <c r="F68" s="90" t="s">
        <v>7</v>
      </c>
    </row>
    <row r="69" spans="1:6" ht="12.95" customHeight="1">
      <c r="A69" s="78" t="s">
        <v>7</v>
      </c>
      <c r="B69" s="87" t="s">
        <v>7</v>
      </c>
      <c r="C69" s="53" t="s">
        <v>10</v>
      </c>
      <c r="D69" s="93" t="s">
        <v>7</v>
      </c>
      <c r="E69" s="53"/>
      <c r="F69" s="90" t="s">
        <v>7</v>
      </c>
    </row>
    <row r="70" spans="1:6" ht="12.95" customHeight="1">
      <c r="A70" s="78" t="s">
        <v>7</v>
      </c>
      <c r="B70" s="88" t="s">
        <v>7</v>
      </c>
      <c r="C70" s="54" t="s">
        <v>7</v>
      </c>
      <c r="D70" s="94" t="s">
        <v>11</v>
      </c>
      <c r="E70" s="54"/>
      <c r="F70" s="91" t="s">
        <v>7</v>
      </c>
    </row>
    <row r="71" spans="1:6" ht="12.95" customHeight="1">
      <c r="A71" s="78" t="s">
        <v>7</v>
      </c>
      <c r="B71" s="89" t="s">
        <v>14</v>
      </c>
      <c r="C71" s="53" t="s">
        <v>7</v>
      </c>
      <c r="D71" s="93" t="s">
        <v>7</v>
      </c>
      <c r="E71" s="53"/>
      <c r="F71" s="95" t="s">
        <v>7</v>
      </c>
    </row>
    <row r="72" spans="1:6" ht="12.95" customHeight="1">
      <c r="A72" s="78" t="s">
        <v>7</v>
      </c>
      <c r="B72" s="87" t="s">
        <v>7</v>
      </c>
      <c r="C72" s="53" t="s">
        <v>7</v>
      </c>
      <c r="D72" s="93" t="s">
        <v>7</v>
      </c>
      <c r="E72" s="53"/>
      <c r="F72" s="95" t="s">
        <v>7</v>
      </c>
    </row>
    <row r="73" spans="1:6" ht="12.95" customHeight="1">
      <c r="A73" s="78" t="s">
        <v>7</v>
      </c>
      <c r="B73" s="88" t="s">
        <v>7</v>
      </c>
      <c r="C73" s="54" t="s">
        <v>7</v>
      </c>
      <c r="D73" s="94" t="s">
        <v>7</v>
      </c>
      <c r="E73" s="54" t="s">
        <v>7</v>
      </c>
      <c r="F73" s="96" t="s">
        <v>7</v>
      </c>
    </row>
    <row r="74" spans="1:6" ht="12.95" customHeight="1">
      <c r="A74" s="78"/>
      <c r="B74" s="10"/>
      <c r="C74" s="55"/>
      <c r="D74" s="11"/>
      <c r="E74" s="55"/>
      <c r="F74" s="22"/>
    </row>
    <row r="75" spans="1:6" ht="12.95" customHeight="1">
      <c r="A75" s="78"/>
      <c r="B75" s="3"/>
      <c r="C75" s="53"/>
      <c r="D75" s="9"/>
      <c r="E75" s="53"/>
      <c r="F75" s="20"/>
    </row>
    <row r="76" spans="1:6" ht="12.95" customHeight="1">
      <c r="A76" s="78"/>
      <c r="B76" s="6"/>
      <c r="C76" s="54"/>
      <c r="D76" s="7"/>
      <c r="E76" s="54"/>
      <c r="F76" s="21"/>
    </row>
    <row r="77" spans="1:6" ht="12.95" customHeight="1">
      <c r="A77" s="78"/>
      <c r="B77" s="10"/>
      <c r="C77" s="55"/>
      <c r="D77" s="11"/>
      <c r="E77" s="55"/>
      <c r="F77" s="22"/>
    </row>
    <row r="78" spans="1:6" ht="12.95" customHeight="1">
      <c r="A78" s="78"/>
      <c r="B78" s="3"/>
      <c r="C78" s="53"/>
      <c r="D78" s="9"/>
      <c r="E78" s="53"/>
      <c r="F78" s="20"/>
    </row>
    <row r="79" spans="1:6" ht="12.95" customHeight="1">
      <c r="A79" s="78"/>
      <c r="B79" s="6"/>
      <c r="C79" s="54"/>
      <c r="D79" s="7"/>
      <c r="E79" s="54"/>
      <c r="F79" s="21"/>
    </row>
    <row r="80" spans="1:6" ht="12.95" customHeight="1">
      <c r="A80" s="78"/>
      <c r="B80" s="10"/>
      <c r="C80" s="55"/>
      <c r="D80" s="11"/>
      <c r="E80" s="55"/>
      <c r="F80" s="22"/>
    </row>
    <row r="81" spans="1:6" ht="12.95" customHeight="1">
      <c r="A81" s="78"/>
      <c r="B81" s="3"/>
      <c r="C81" s="53"/>
      <c r="D81" s="9"/>
      <c r="E81" s="53"/>
      <c r="F81" s="20"/>
    </row>
    <row r="82" spans="1:6" ht="12.95" customHeight="1">
      <c r="A82" s="78"/>
      <c r="B82" s="6"/>
      <c r="C82" s="54"/>
      <c r="D82" s="7"/>
      <c r="E82" s="54"/>
      <c r="F82" s="21"/>
    </row>
    <row r="83" spans="1:6" ht="12.95" customHeight="1">
      <c r="A83" s="78"/>
      <c r="B83" s="10"/>
      <c r="C83" s="55"/>
      <c r="D83" s="11"/>
      <c r="E83" s="55"/>
      <c r="F83" s="22"/>
    </row>
    <row r="84" spans="1:6" ht="12.95" customHeight="1">
      <c r="A84" s="78"/>
      <c r="B84" s="3"/>
      <c r="C84" s="53"/>
      <c r="D84" s="9"/>
      <c r="E84" s="53"/>
      <c r="F84" s="20"/>
    </row>
    <row r="85" spans="1:6" ht="12.95" customHeight="1">
      <c r="A85" s="78"/>
      <c r="B85" s="6"/>
      <c r="C85" s="54"/>
      <c r="D85" s="7"/>
      <c r="E85" s="54"/>
      <c r="F85" s="21"/>
    </row>
    <row r="86" spans="1:6" ht="12.95" customHeight="1">
      <c r="A86" s="78"/>
      <c r="B86" s="10"/>
      <c r="C86" s="55"/>
      <c r="D86" s="11"/>
      <c r="E86" s="55"/>
      <c r="F86" s="22"/>
    </row>
    <row r="87" spans="1:6" ht="12.95" customHeight="1">
      <c r="A87" s="78"/>
      <c r="B87" s="3"/>
      <c r="C87" s="53"/>
      <c r="D87" s="9"/>
      <c r="E87" s="53"/>
      <c r="F87" s="20"/>
    </row>
    <row r="88" spans="1:6" ht="12.95" customHeight="1">
      <c r="A88" s="78"/>
      <c r="B88" s="6"/>
      <c r="C88" s="54"/>
      <c r="D88" s="7"/>
      <c r="E88" s="54"/>
      <c r="F88" s="21"/>
    </row>
    <row r="89" spans="1:6" ht="12.95" customHeight="1">
      <c r="A89" s="78"/>
      <c r="B89" s="10"/>
      <c r="C89" s="55"/>
      <c r="D89" s="11"/>
      <c r="E89" s="55"/>
      <c r="F89" s="22"/>
    </row>
    <row r="90" spans="1:6" ht="12.95" customHeight="1">
      <c r="A90" s="78"/>
      <c r="B90" s="3"/>
      <c r="C90" s="53"/>
      <c r="D90" s="9"/>
      <c r="E90" s="53"/>
      <c r="F90" s="20"/>
    </row>
    <row r="91" spans="1:6" ht="12.95" customHeight="1">
      <c r="A91" s="78"/>
      <c r="B91" s="6"/>
      <c r="C91" s="54"/>
      <c r="D91" s="7"/>
      <c r="E91" s="54"/>
      <c r="F91" s="21"/>
    </row>
    <row r="92" spans="1:6" ht="12.95" customHeight="1">
      <c r="A92" s="78"/>
      <c r="B92" s="10"/>
      <c r="C92" s="55"/>
      <c r="D92" s="11"/>
      <c r="E92" s="55"/>
      <c r="F92" s="22"/>
    </row>
    <row r="93" spans="1:6" ht="12.95" customHeight="1">
      <c r="A93" s="78"/>
      <c r="B93" s="3"/>
      <c r="C93" s="53"/>
      <c r="D93" s="9"/>
      <c r="E93" s="53"/>
      <c r="F93" s="20"/>
    </row>
    <row r="94" spans="1:6" ht="12.95" customHeight="1">
      <c r="A94" s="78"/>
      <c r="B94" s="6"/>
      <c r="C94" s="54"/>
      <c r="D94" s="7"/>
      <c r="E94" s="54"/>
      <c r="F94" s="21"/>
    </row>
    <row r="95" spans="1:6" ht="12.95" customHeight="1">
      <c r="A95" s="78"/>
      <c r="B95" s="10"/>
      <c r="C95" s="55"/>
      <c r="D95" s="11"/>
      <c r="E95" s="55"/>
      <c r="F95" s="22"/>
    </row>
    <row r="96" spans="1:6" ht="12.95" customHeight="1">
      <c r="A96" s="78"/>
      <c r="B96" s="3"/>
      <c r="C96" s="53"/>
      <c r="D96" s="9"/>
      <c r="E96" s="53"/>
      <c r="F96" s="20"/>
    </row>
    <row r="97" spans="1:6" ht="12.95" customHeight="1">
      <c r="A97" s="78"/>
      <c r="B97" s="6"/>
      <c r="C97" s="54"/>
      <c r="D97" s="7"/>
      <c r="E97" s="54"/>
      <c r="F97" s="21"/>
    </row>
    <row r="98" spans="1:6" ht="12.95" customHeight="1">
      <c r="A98" s="78"/>
      <c r="B98" s="10"/>
      <c r="C98" s="55"/>
      <c r="D98" s="11"/>
      <c r="E98" s="55"/>
      <c r="F98" s="22"/>
    </row>
    <row r="99" spans="1:6" ht="12.95" customHeight="1">
      <c r="A99" s="78"/>
      <c r="B99" s="3"/>
      <c r="C99" s="53"/>
      <c r="D99" s="9"/>
      <c r="E99" s="53"/>
      <c r="F99" s="20"/>
    </row>
    <row r="100" spans="1:6" ht="12.95" customHeight="1">
      <c r="A100" s="78"/>
      <c r="B100" s="6"/>
      <c r="C100" s="54"/>
      <c r="D100" s="7"/>
      <c r="E100" s="54"/>
      <c r="F100" s="21"/>
    </row>
    <row r="101" spans="1:6" ht="12.95" customHeight="1">
      <c r="A101" s="78"/>
      <c r="B101" s="10"/>
      <c r="C101" s="55"/>
      <c r="D101" s="11"/>
      <c r="E101" s="55"/>
      <c r="F101" s="22"/>
    </row>
    <row r="102" spans="1:6" ht="12.95" customHeight="1">
      <c r="A102" s="78"/>
      <c r="B102" s="3"/>
      <c r="C102" s="53"/>
      <c r="D102" s="9"/>
      <c r="E102" s="53"/>
      <c r="F102" s="20"/>
    </row>
    <row r="103" spans="1:6" ht="12.95" customHeight="1">
      <c r="A103" s="78"/>
      <c r="B103" s="6"/>
      <c r="C103" s="54"/>
      <c r="D103" s="7"/>
      <c r="E103" s="54"/>
      <c r="F103" s="21"/>
    </row>
    <row r="104" spans="1:6" ht="12.95" customHeight="1">
      <c r="A104" s="78"/>
      <c r="B104" s="10"/>
      <c r="C104" s="55"/>
      <c r="D104" s="13"/>
      <c r="E104" s="55"/>
      <c r="F104" s="22"/>
    </row>
    <row r="105" spans="1:6" ht="12.95" customHeight="1">
      <c r="A105" s="78"/>
      <c r="B105" s="3"/>
      <c r="C105" s="53"/>
      <c r="D105" s="9"/>
      <c r="E105" s="53"/>
      <c r="F105" s="20"/>
    </row>
    <row r="106" spans="1:6" ht="12.95" customHeight="1">
      <c r="A106" s="78"/>
      <c r="B106" s="6"/>
      <c r="C106" s="54"/>
      <c r="D106" s="7"/>
      <c r="E106" s="54"/>
      <c r="F106" s="21"/>
    </row>
    <row r="107" spans="1:6" ht="12.95" customHeight="1">
      <c r="A107" s="78"/>
      <c r="B107" s="10"/>
      <c r="C107" s="55"/>
      <c r="D107" s="11"/>
      <c r="E107" s="55"/>
      <c r="F107" s="22"/>
    </row>
    <row r="108" spans="1:6" ht="12.95" customHeight="1">
      <c r="A108" s="78"/>
      <c r="B108" s="3"/>
      <c r="C108" s="53"/>
      <c r="D108" s="9"/>
      <c r="E108" s="53"/>
      <c r="F108" s="20"/>
    </row>
    <row r="109" spans="1:6" ht="12.95" customHeight="1">
      <c r="A109" s="78"/>
      <c r="B109" s="6"/>
      <c r="C109" s="54"/>
      <c r="D109" s="7"/>
      <c r="E109" s="54"/>
      <c r="F109" s="21"/>
    </row>
    <row r="110" spans="1:6" ht="12.95" customHeight="1">
      <c r="A110" s="78"/>
      <c r="B110" s="10"/>
      <c r="C110" s="55"/>
      <c r="D110" s="11"/>
      <c r="E110" s="55"/>
      <c r="F110" s="22"/>
    </row>
    <row r="111" spans="1:6" ht="12.95" customHeight="1">
      <c r="A111" s="78"/>
      <c r="B111" s="3"/>
      <c r="C111" s="53"/>
      <c r="D111" s="9"/>
      <c r="E111" s="53"/>
      <c r="F111" s="20"/>
    </row>
    <row r="112" spans="1:6" ht="12.95" customHeight="1">
      <c r="A112" s="78"/>
      <c r="B112" s="6"/>
      <c r="C112" s="54"/>
      <c r="D112" s="7"/>
      <c r="E112" s="54"/>
      <c r="F112" s="21"/>
    </row>
    <row r="113" spans="1:6" ht="12.95" customHeight="1">
      <c r="A113" s="78"/>
      <c r="B113" s="10"/>
      <c r="C113" s="55"/>
      <c r="D113" s="11"/>
      <c r="E113" s="55"/>
      <c r="F113" s="22"/>
    </row>
    <row r="114" spans="1:6" ht="12.95" customHeight="1">
      <c r="A114" s="78"/>
      <c r="B114" s="3"/>
      <c r="C114" s="53"/>
      <c r="D114" s="4"/>
      <c r="E114" s="53"/>
      <c r="F114" s="20"/>
    </row>
    <row r="115" spans="1:6" ht="12.95" customHeight="1">
      <c r="A115" s="78"/>
      <c r="B115" s="6"/>
      <c r="C115" s="54"/>
      <c r="D115" s="7"/>
      <c r="E115" s="54"/>
      <c r="F115" s="21"/>
    </row>
    <row r="116" spans="1:6" ht="12.95" customHeight="1">
      <c r="A116" s="78"/>
      <c r="B116" s="10"/>
      <c r="C116" s="55"/>
      <c r="D116" s="11"/>
      <c r="E116" s="55"/>
      <c r="F116" s="22"/>
    </row>
    <row r="117" spans="1:6" ht="12.95" customHeight="1">
      <c r="A117" s="78"/>
      <c r="B117" s="3"/>
      <c r="C117" s="53"/>
      <c r="D117" s="9"/>
      <c r="E117" s="53"/>
      <c r="F117" s="20"/>
    </row>
    <row r="118" spans="1:6" ht="12.95" customHeight="1">
      <c r="A118" s="78"/>
      <c r="B118" s="6"/>
      <c r="C118" s="54"/>
      <c r="D118" s="7"/>
      <c r="E118" s="54"/>
      <c r="F118" s="21"/>
    </row>
    <row r="119" spans="1:6" ht="12.95" customHeight="1">
      <c r="A119" s="78"/>
      <c r="B119" s="10"/>
      <c r="C119" s="55"/>
      <c r="D119" s="11"/>
      <c r="E119" s="55"/>
      <c r="F119" s="22"/>
    </row>
    <row r="120" spans="1:6" ht="12.95" customHeight="1">
      <c r="A120" s="78"/>
      <c r="B120" s="3"/>
      <c r="C120" s="53"/>
      <c r="D120" s="9"/>
      <c r="E120" s="53"/>
      <c r="F120" s="20"/>
    </row>
    <row r="121" spans="1:6" ht="12.95" customHeight="1">
      <c r="A121" s="78"/>
      <c r="B121" s="6"/>
      <c r="C121" s="54"/>
      <c r="D121" s="7"/>
      <c r="E121" s="54"/>
      <c r="F121" s="21"/>
    </row>
    <row r="122" spans="1:6" ht="12.95" customHeight="1">
      <c r="A122" s="78"/>
      <c r="B122" s="10"/>
      <c r="C122" s="55"/>
      <c r="D122" s="11"/>
      <c r="E122" s="55"/>
      <c r="F122" s="22"/>
    </row>
    <row r="123" spans="1:6" ht="12.95" customHeight="1">
      <c r="A123" s="78"/>
      <c r="B123" s="3"/>
      <c r="C123" s="53"/>
      <c r="D123" s="9"/>
      <c r="E123" s="53"/>
      <c r="F123" s="20"/>
    </row>
    <row r="124" spans="1:6" ht="12.95" customHeight="1">
      <c r="A124" s="78"/>
      <c r="B124" s="6"/>
      <c r="C124" s="54"/>
      <c r="D124" s="14"/>
      <c r="E124" s="54"/>
      <c r="F124" s="21"/>
    </row>
    <row r="125" spans="1:6" ht="12.95" customHeight="1">
      <c r="A125" s="78"/>
      <c r="B125" s="10"/>
      <c r="C125" s="55"/>
      <c r="D125" s="11"/>
      <c r="E125" s="55"/>
      <c r="F125" s="22"/>
    </row>
    <row r="126" spans="1:6" ht="12.95" customHeight="1">
      <c r="A126" s="78"/>
      <c r="B126" s="3"/>
      <c r="C126" s="56"/>
      <c r="D126" s="15"/>
      <c r="E126" s="56"/>
      <c r="F126" s="20"/>
    </row>
    <row r="127" spans="1:6" ht="12.95" customHeight="1">
      <c r="A127" s="78"/>
      <c r="B127" s="16"/>
      <c r="C127" s="57"/>
      <c r="D127" s="17"/>
      <c r="E127" s="57"/>
      <c r="F127" s="23"/>
    </row>
    <row r="128" spans="1:6" ht="0.95" customHeight="1">
      <c r="B128" s="19"/>
      <c r="C128" s="19"/>
      <c r="D128" s="19"/>
      <c r="E128" s="19"/>
      <c r="F128" s="19"/>
    </row>
  </sheetData>
  <mergeCells count="2">
    <mergeCell ref="B2:F2"/>
    <mergeCell ref="B66:F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  <rowBreaks count="2" manualBreakCount="2">
    <brk id="64" max="16383" man="1"/>
    <brk id="128" max="1638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G128"/>
  <sheetViews>
    <sheetView view="pageBreakPreview" topLeftCell="A118" zoomScaleNormal="115" zoomScaleSheetLayoutView="100" workbookViewId="0">
      <selection activeCell="H13" sqref="H13"/>
    </sheetView>
  </sheetViews>
  <sheetFormatPr defaultRowHeight="11.25"/>
  <cols>
    <col min="1" max="1" width="0.1640625" style="2" customWidth="1"/>
    <col min="2" max="3" width="26.83203125" style="2" customWidth="1"/>
    <col min="4" max="4" width="11.83203125" style="2" customWidth="1"/>
    <col min="5" max="5" width="5" style="2" customWidth="1"/>
    <col min="6" max="6" width="20.83203125" style="2" customWidth="1"/>
    <col min="7" max="7" width="19.6640625" style="2" customWidth="1"/>
    <col min="8" max="16384" width="9.33203125" style="2"/>
  </cols>
  <sheetData>
    <row r="1" spans="1:7" s="1" customFormat="1" ht="18" customHeight="1">
      <c r="B1" s="79" t="s">
        <v>523</v>
      </c>
      <c r="C1" s="79"/>
      <c r="D1" s="79"/>
      <c r="E1" s="79"/>
      <c r="F1" s="79"/>
      <c r="G1" s="80"/>
    </row>
    <row r="2" spans="1:7" ht="21" customHeight="1">
      <c r="A2" s="78"/>
      <c r="B2" s="207" t="s">
        <v>524</v>
      </c>
      <c r="C2" s="208"/>
      <c r="D2" s="208"/>
      <c r="E2" s="208"/>
      <c r="F2" s="208"/>
      <c r="G2" s="209"/>
    </row>
    <row r="3" spans="1:7" ht="21" customHeight="1">
      <c r="A3" s="78"/>
      <c r="B3" s="84" t="s">
        <v>525</v>
      </c>
      <c r="C3" s="85" t="s">
        <v>526</v>
      </c>
      <c r="D3" s="85" t="s">
        <v>527</v>
      </c>
      <c r="E3" s="85" t="s">
        <v>528</v>
      </c>
      <c r="F3" s="85" t="s">
        <v>529</v>
      </c>
      <c r="G3" s="86" t="s">
        <v>530</v>
      </c>
    </row>
    <row r="4" spans="1:7" ht="12.95" customHeight="1">
      <c r="A4" s="78" t="s">
        <v>7</v>
      </c>
      <c r="B4" s="97" t="s">
        <v>531</v>
      </c>
      <c r="C4" s="98" t="s">
        <v>532</v>
      </c>
      <c r="D4" s="53" t="s">
        <v>7</v>
      </c>
      <c r="E4" s="102" t="s">
        <v>7</v>
      </c>
      <c r="F4" s="68" t="s">
        <v>7</v>
      </c>
      <c r="G4" s="90" t="s">
        <v>7</v>
      </c>
    </row>
    <row r="5" spans="1:7" ht="12.95" customHeight="1">
      <c r="A5" s="78" t="s">
        <v>7</v>
      </c>
      <c r="B5" s="97" t="s">
        <v>7</v>
      </c>
      <c r="C5" s="98" t="s">
        <v>7</v>
      </c>
      <c r="D5" s="53" t="s">
        <v>494</v>
      </c>
      <c r="E5" s="102" t="s">
        <v>7</v>
      </c>
      <c r="F5" s="68"/>
      <c r="G5" s="90" t="s">
        <v>7</v>
      </c>
    </row>
    <row r="6" spans="1:7" ht="12.95" customHeight="1">
      <c r="A6" s="78" t="s">
        <v>7</v>
      </c>
      <c r="B6" s="99" t="s">
        <v>7</v>
      </c>
      <c r="C6" s="100" t="s">
        <v>7</v>
      </c>
      <c r="D6" s="54" t="s">
        <v>7</v>
      </c>
      <c r="E6" s="103" t="s">
        <v>533</v>
      </c>
      <c r="F6" s="69"/>
      <c r="G6" s="91" t="s">
        <v>7</v>
      </c>
    </row>
    <row r="7" spans="1:7" ht="12.95" customHeight="1">
      <c r="A7" s="78" t="s">
        <v>7</v>
      </c>
      <c r="B7" s="97" t="s">
        <v>531</v>
      </c>
      <c r="C7" s="98" t="s">
        <v>534</v>
      </c>
      <c r="D7" s="53" t="s">
        <v>7</v>
      </c>
      <c r="E7" s="102" t="s">
        <v>7</v>
      </c>
      <c r="F7" s="68"/>
      <c r="G7" s="90" t="s">
        <v>7</v>
      </c>
    </row>
    <row r="8" spans="1:7" ht="12.95" customHeight="1">
      <c r="A8" s="78" t="s">
        <v>7</v>
      </c>
      <c r="B8" s="97" t="s">
        <v>7</v>
      </c>
      <c r="C8" s="98" t="s">
        <v>7</v>
      </c>
      <c r="D8" s="53" t="s">
        <v>494</v>
      </c>
      <c r="E8" s="102" t="s">
        <v>7</v>
      </c>
      <c r="F8" s="68"/>
      <c r="G8" s="90" t="s">
        <v>7</v>
      </c>
    </row>
    <row r="9" spans="1:7" ht="12.95" customHeight="1">
      <c r="A9" s="78" t="s">
        <v>7</v>
      </c>
      <c r="B9" s="99" t="s">
        <v>7</v>
      </c>
      <c r="C9" s="100" t="s">
        <v>7</v>
      </c>
      <c r="D9" s="54" t="s">
        <v>7</v>
      </c>
      <c r="E9" s="103" t="s">
        <v>533</v>
      </c>
      <c r="F9" s="69"/>
      <c r="G9" s="91" t="s">
        <v>7</v>
      </c>
    </row>
    <row r="10" spans="1:7" ht="12.95" customHeight="1">
      <c r="A10" s="78" t="s">
        <v>7</v>
      </c>
      <c r="B10" s="101" t="s">
        <v>535</v>
      </c>
      <c r="C10" s="98" t="s">
        <v>7</v>
      </c>
      <c r="D10" s="53" t="s">
        <v>7</v>
      </c>
      <c r="E10" s="104" t="s">
        <v>7</v>
      </c>
      <c r="F10" s="68"/>
      <c r="G10" s="90" t="s">
        <v>7</v>
      </c>
    </row>
    <row r="11" spans="1:7" ht="12.95" customHeight="1">
      <c r="A11" s="78" t="s">
        <v>7</v>
      </c>
      <c r="B11" s="97" t="s">
        <v>7</v>
      </c>
      <c r="C11" s="98" t="s">
        <v>7</v>
      </c>
      <c r="D11" s="53" t="s">
        <v>7</v>
      </c>
      <c r="E11" s="104" t="s">
        <v>7</v>
      </c>
      <c r="F11" s="68"/>
      <c r="G11" s="90" t="s">
        <v>7</v>
      </c>
    </row>
    <row r="12" spans="1:7" ht="12.95" customHeight="1">
      <c r="A12" s="78" t="s">
        <v>7</v>
      </c>
      <c r="B12" s="99" t="s">
        <v>7</v>
      </c>
      <c r="C12" s="100" t="s">
        <v>7</v>
      </c>
      <c r="D12" s="54" t="s">
        <v>7</v>
      </c>
      <c r="E12" s="103" t="s">
        <v>7</v>
      </c>
      <c r="F12" s="69"/>
      <c r="G12" s="91" t="s">
        <v>7</v>
      </c>
    </row>
    <row r="13" spans="1:7" ht="12.95" customHeight="1">
      <c r="A13" s="78" t="s">
        <v>7</v>
      </c>
      <c r="B13" s="97" t="s">
        <v>536</v>
      </c>
      <c r="C13" s="98" t="s">
        <v>532</v>
      </c>
      <c r="D13" s="53" t="s">
        <v>7</v>
      </c>
      <c r="E13" s="102" t="s">
        <v>7</v>
      </c>
      <c r="F13" s="68"/>
      <c r="G13" s="90" t="s">
        <v>7</v>
      </c>
    </row>
    <row r="14" spans="1:7" ht="12.95" customHeight="1">
      <c r="A14" s="78" t="s">
        <v>7</v>
      </c>
      <c r="B14" s="97" t="s">
        <v>7</v>
      </c>
      <c r="C14" s="98" t="s">
        <v>7</v>
      </c>
      <c r="D14" s="53" t="s">
        <v>494</v>
      </c>
      <c r="E14" s="102" t="s">
        <v>7</v>
      </c>
      <c r="F14" s="68"/>
      <c r="G14" s="90" t="s">
        <v>7</v>
      </c>
    </row>
    <row r="15" spans="1:7" ht="12.95" customHeight="1">
      <c r="A15" s="78" t="s">
        <v>7</v>
      </c>
      <c r="B15" s="99" t="s">
        <v>7</v>
      </c>
      <c r="C15" s="100" t="s">
        <v>7</v>
      </c>
      <c r="D15" s="54" t="s">
        <v>7</v>
      </c>
      <c r="E15" s="103" t="s">
        <v>533</v>
      </c>
      <c r="F15" s="69"/>
      <c r="G15" s="91" t="s">
        <v>7</v>
      </c>
    </row>
    <row r="16" spans="1:7" ht="12.95" customHeight="1">
      <c r="A16" s="78" t="s">
        <v>7</v>
      </c>
      <c r="B16" s="97" t="s">
        <v>536</v>
      </c>
      <c r="C16" s="98" t="s">
        <v>537</v>
      </c>
      <c r="D16" s="53" t="s">
        <v>7</v>
      </c>
      <c r="E16" s="102" t="s">
        <v>7</v>
      </c>
      <c r="F16" s="68"/>
      <c r="G16" s="90" t="s">
        <v>7</v>
      </c>
    </row>
    <row r="17" spans="1:7" ht="12.95" customHeight="1">
      <c r="A17" s="78" t="s">
        <v>7</v>
      </c>
      <c r="B17" s="97" t="s">
        <v>7</v>
      </c>
      <c r="C17" s="98" t="s">
        <v>7</v>
      </c>
      <c r="D17" s="53" t="s">
        <v>494</v>
      </c>
      <c r="E17" s="102" t="s">
        <v>7</v>
      </c>
      <c r="F17" s="68"/>
      <c r="G17" s="90" t="s">
        <v>7</v>
      </c>
    </row>
    <row r="18" spans="1:7" ht="12.95" customHeight="1">
      <c r="A18" s="78" t="s">
        <v>7</v>
      </c>
      <c r="B18" s="99" t="s">
        <v>7</v>
      </c>
      <c r="C18" s="100" t="s">
        <v>7</v>
      </c>
      <c r="D18" s="54" t="s">
        <v>7</v>
      </c>
      <c r="E18" s="103" t="s">
        <v>533</v>
      </c>
      <c r="F18" s="69"/>
      <c r="G18" s="91" t="s">
        <v>7</v>
      </c>
    </row>
    <row r="19" spans="1:7" ht="12.95" customHeight="1">
      <c r="A19" s="78" t="s">
        <v>7</v>
      </c>
      <c r="B19" s="101" t="s">
        <v>535</v>
      </c>
      <c r="C19" s="98" t="s">
        <v>7</v>
      </c>
      <c r="D19" s="53" t="s">
        <v>7</v>
      </c>
      <c r="E19" s="104" t="s">
        <v>7</v>
      </c>
      <c r="F19" s="68"/>
      <c r="G19" s="90" t="s">
        <v>7</v>
      </c>
    </row>
    <row r="20" spans="1:7" ht="12.95" customHeight="1">
      <c r="A20" s="78" t="s">
        <v>7</v>
      </c>
      <c r="B20" s="97" t="s">
        <v>7</v>
      </c>
      <c r="C20" s="98" t="s">
        <v>7</v>
      </c>
      <c r="D20" s="53" t="s">
        <v>7</v>
      </c>
      <c r="E20" s="104" t="s">
        <v>7</v>
      </c>
      <c r="F20" s="68"/>
      <c r="G20" s="90" t="s">
        <v>7</v>
      </c>
    </row>
    <row r="21" spans="1:7" ht="12.95" customHeight="1">
      <c r="A21" s="78" t="s">
        <v>7</v>
      </c>
      <c r="B21" s="99" t="s">
        <v>7</v>
      </c>
      <c r="C21" s="100" t="s">
        <v>7</v>
      </c>
      <c r="D21" s="54" t="s">
        <v>7</v>
      </c>
      <c r="E21" s="103" t="s">
        <v>7</v>
      </c>
      <c r="F21" s="69"/>
      <c r="G21" s="91" t="s">
        <v>7</v>
      </c>
    </row>
    <row r="22" spans="1:7" ht="12.95" customHeight="1">
      <c r="A22" s="78" t="s">
        <v>7</v>
      </c>
      <c r="B22" s="97" t="s">
        <v>538</v>
      </c>
      <c r="C22" s="98" t="s">
        <v>7</v>
      </c>
      <c r="D22" s="53" t="s">
        <v>7</v>
      </c>
      <c r="E22" s="102" t="s">
        <v>7</v>
      </c>
      <c r="F22" s="68"/>
      <c r="G22" s="90" t="s">
        <v>7</v>
      </c>
    </row>
    <row r="23" spans="1:7" ht="12.95" customHeight="1">
      <c r="A23" s="78" t="s">
        <v>7</v>
      </c>
      <c r="B23" s="97" t="s">
        <v>7</v>
      </c>
      <c r="C23" s="98" t="s">
        <v>7</v>
      </c>
      <c r="D23" s="53" t="s">
        <v>494</v>
      </c>
      <c r="E23" s="102" t="s">
        <v>7</v>
      </c>
      <c r="F23" s="68"/>
      <c r="G23" s="90" t="s">
        <v>7</v>
      </c>
    </row>
    <row r="24" spans="1:7" ht="12.95" customHeight="1">
      <c r="A24" s="78" t="s">
        <v>7</v>
      </c>
      <c r="B24" s="99" t="s">
        <v>7</v>
      </c>
      <c r="C24" s="100" t="s">
        <v>7</v>
      </c>
      <c r="D24" s="54" t="s">
        <v>7</v>
      </c>
      <c r="E24" s="103" t="s">
        <v>533</v>
      </c>
      <c r="F24" s="69"/>
      <c r="G24" s="91" t="s">
        <v>7</v>
      </c>
    </row>
    <row r="25" spans="1:7" ht="12.95" customHeight="1">
      <c r="A25" s="78" t="s">
        <v>7</v>
      </c>
      <c r="B25" s="101" t="s">
        <v>535</v>
      </c>
      <c r="C25" s="98" t="s">
        <v>7</v>
      </c>
      <c r="D25" s="53" t="s">
        <v>7</v>
      </c>
      <c r="E25" s="104" t="s">
        <v>7</v>
      </c>
      <c r="F25" s="68"/>
      <c r="G25" s="90" t="s">
        <v>7</v>
      </c>
    </row>
    <row r="26" spans="1:7" ht="12.95" customHeight="1">
      <c r="A26" s="78" t="s">
        <v>7</v>
      </c>
      <c r="B26" s="97" t="s">
        <v>7</v>
      </c>
      <c r="C26" s="98" t="s">
        <v>7</v>
      </c>
      <c r="D26" s="53" t="s">
        <v>7</v>
      </c>
      <c r="E26" s="104" t="s">
        <v>7</v>
      </c>
      <c r="F26" s="68"/>
      <c r="G26" s="90" t="s">
        <v>7</v>
      </c>
    </row>
    <row r="27" spans="1:7" ht="12.95" customHeight="1">
      <c r="A27" s="78" t="s">
        <v>7</v>
      </c>
      <c r="B27" s="99" t="s">
        <v>7</v>
      </c>
      <c r="C27" s="100" t="s">
        <v>7</v>
      </c>
      <c r="D27" s="54" t="s">
        <v>7</v>
      </c>
      <c r="E27" s="103" t="s">
        <v>7</v>
      </c>
      <c r="F27" s="69" t="s">
        <v>7</v>
      </c>
      <c r="G27" s="91" t="s">
        <v>7</v>
      </c>
    </row>
    <row r="28" spans="1:7" ht="12.95" customHeight="1">
      <c r="A28" s="78" t="s">
        <v>7</v>
      </c>
      <c r="B28" s="97" t="s">
        <v>539</v>
      </c>
      <c r="C28" s="98" t="s">
        <v>7</v>
      </c>
      <c r="D28" s="53" t="s">
        <v>7</v>
      </c>
      <c r="E28" s="102" t="s">
        <v>7</v>
      </c>
      <c r="F28" s="68" t="s">
        <v>7</v>
      </c>
      <c r="G28" s="90" t="s">
        <v>7</v>
      </c>
    </row>
    <row r="29" spans="1:7" ht="12.95" customHeight="1">
      <c r="A29" s="78" t="s">
        <v>7</v>
      </c>
      <c r="B29" s="97" t="s">
        <v>7</v>
      </c>
      <c r="C29" s="98" t="s">
        <v>7</v>
      </c>
      <c r="D29" s="53" t="s">
        <v>494</v>
      </c>
      <c r="E29" s="102" t="s">
        <v>7</v>
      </c>
      <c r="F29" s="68"/>
      <c r="G29" s="90" t="s">
        <v>7</v>
      </c>
    </row>
    <row r="30" spans="1:7" ht="12.95" customHeight="1">
      <c r="A30" s="78" t="s">
        <v>7</v>
      </c>
      <c r="B30" s="99" t="s">
        <v>7</v>
      </c>
      <c r="C30" s="100" t="s">
        <v>7</v>
      </c>
      <c r="D30" s="54" t="s">
        <v>7</v>
      </c>
      <c r="E30" s="103" t="s">
        <v>533</v>
      </c>
      <c r="F30" s="69"/>
      <c r="G30" s="91" t="s">
        <v>7</v>
      </c>
    </row>
    <row r="31" spans="1:7" ht="12.95" customHeight="1">
      <c r="A31" s="78" t="s">
        <v>7</v>
      </c>
      <c r="B31" s="101" t="s">
        <v>535</v>
      </c>
      <c r="C31" s="98" t="s">
        <v>7</v>
      </c>
      <c r="D31" s="53" t="s">
        <v>7</v>
      </c>
      <c r="E31" s="104" t="s">
        <v>7</v>
      </c>
      <c r="F31" s="68"/>
      <c r="G31" s="90" t="s">
        <v>7</v>
      </c>
    </row>
    <row r="32" spans="1:7" ht="12.95" customHeight="1">
      <c r="A32" s="78" t="s">
        <v>7</v>
      </c>
      <c r="B32" s="97" t="s">
        <v>7</v>
      </c>
      <c r="C32" s="98" t="s">
        <v>7</v>
      </c>
      <c r="D32" s="53" t="s">
        <v>7</v>
      </c>
      <c r="E32" s="104" t="s">
        <v>7</v>
      </c>
      <c r="F32" s="68"/>
      <c r="G32" s="90" t="s">
        <v>7</v>
      </c>
    </row>
    <row r="33" spans="1:7" ht="12.95" customHeight="1">
      <c r="A33" s="78" t="s">
        <v>7</v>
      </c>
      <c r="B33" s="99" t="s">
        <v>7</v>
      </c>
      <c r="C33" s="100" t="s">
        <v>7</v>
      </c>
      <c r="D33" s="54" t="s">
        <v>7</v>
      </c>
      <c r="E33" s="103" t="s">
        <v>7</v>
      </c>
      <c r="F33" s="69"/>
      <c r="G33" s="91" t="s">
        <v>7</v>
      </c>
    </row>
    <row r="34" spans="1:7" ht="12.95" customHeight="1">
      <c r="A34" s="78" t="s">
        <v>7</v>
      </c>
      <c r="B34" s="97" t="s">
        <v>540</v>
      </c>
      <c r="C34" s="98" t="s">
        <v>7</v>
      </c>
      <c r="D34" s="53" t="s">
        <v>7</v>
      </c>
      <c r="E34" s="102" t="s">
        <v>7</v>
      </c>
      <c r="F34" s="68"/>
      <c r="G34" s="90" t="s">
        <v>7</v>
      </c>
    </row>
    <row r="35" spans="1:7" ht="12.95" customHeight="1">
      <c r="A35" s="78" t="s">
        <v>7</v>
      </c>
      <c r="B35" s="97" t="s">
        <v>7</v>
      </c>
      <c r="C35" s="98" t="s">
        <v>7</v>
      </c>
      <c r="D35" s="53" t="s">
        <v>494</v>
      </c>
      <c r="E35" s="102" t="s">
        <v>7</v>
      </c>
      <c r="F35" s="68"/>
      <c r="G35" s="90" t="s">
        <v>7</v>
      </c>
    </row>
    <row r="36" spans="1:7" ht="12.95" customHeight="1">
      <c r="A36" s="78" t="s">
        <v>7</v>
      </c>
      <c r="B36" s="99" t="s">
        <v>7</v>
      </c>
      <c r="C36" s="100" t="s">
        <v>7</v>
      </c>
      <c r="D36" s="54" t="s">
        <v>7</v>
      </c>
      <c r="E36" s="103" t="s">
        <v>533</v>
      </c>
      <c r="F36" s="69"/>
      <c r="G36" s="91" t="s">
        <v>7</v>
      </c>
    </row>
    <row r="37" spans="1:7" ht="12.95" customHeight="1">
      <c r="A37" s="78" t="s">
        <v>7</v>
      </c>
      <c r="B37" s="101" t="s">
        <v>535</v>
      </c>
      <c r="C37" s="98" t="s">
        <v>7</v>
      </c>
      <c r="D37" s="53" t="s">
        <v>7</v>
      </c>
      <c r="E37" s="104" t="s">
        <v>7</v>
      </c>
      <c r="F37" s="68"/>
      <c r="G37" s="90" t="s">
        <v>7</v>
      </c>
    </row>
    <row r="38" spans="1:7" ht="12.95" customHeight="1">
      <c r="A38" s="78" t="s">
        <v>7</v>
      </c>
      <c r="B38" s="97" t="s">
        <v>7</v>
      </c>
      <c r="C38" s="98" t="s">
        <v>7</v>
      </c>
      <c r="D38" s="53" t="s">
        <v>7</v>
      </c>
      <c r="E38" s="104" t="s">
        <v>7</v>
      </c>
      <c r="F38" s="68"/>
      <c r="G38" s="90" t="s">
        <v>7</v>
      </c>
    </row>
    <row r="39" spans="1:7" ht="12.95" customHeight="1">
      <c r="A39" s="78" t="s">
        <v>7</v>
      </c>
      <c r="B39" s="99" t="s">
        <v>7</v>
      </c>
      <c r="C39" s="100" t="s">
        <v>7</v>
      </c>
      <c r="D39" s="54" t="s">
        <v>7</v>
      </c>
      <c r="E39" s="103" t="s">
        <v>7</v>
      </c>
      <c r="F39" s="69"/>
      <c r="G39" s="91" t="s">
        <v>7</v>
      </c>
    </row>
    <row r="40" spans="1:7" ht="12.95" customHeight="1">
      <c r="A40" s="78"/>
      <c r="B40" s="31"/>
      <c r="C40" s="32"/>
      <c r="D40" s="55"/>
      <c r="E40" s="34"/>
      <c r="F40" s="70"/>
      <c r="G40" s="12"/>
    </row>
    <row r="41" spans="1:7" ht="12.95" customHeight="1">
      <c r="A41" s="78"/>
      <c r="B41" s="24"/>
      <c r="C41" s="25"/>
      <c r="D41" s="53"/>
      <c r="E41" s="30"/>
      <c r="F41" s="68"/>
      <c r="G41" s="5"/>
    </row>
    <row r="42" spans="1:7" ht="12.95" customHeight="1">
      <c r="A42" s="78"/>
      <c r="B42" s="27"/>
      <c r="C42" s="28"/>
      <c r="D42" s="54"/>
      <c r="E42" s="29"/>
      <c r="F42" s="69"/>
      <c r="G42" s="8"/>
    </row>
    <row r="43" spans="1:7" ht="12.95" customHeight="1">
      <c r="A43" s="78"/>
      <c r="B43" s="31"/>
      <c r="C43" s="32"/>
      <c r="D43" s="55"/>
      <c r="E43" s="33"/>
      <c r="F43" s="70"/>
      <c r="G43" s="12"/>
    </row>
    <row r="44" spans="1:7" ht="12.95" customHeight="1">
      <c r="A44" s="78"/>
      <c r="B44" s="24"/>
      <c r="C44" s="25"/>
      <c r="D44" s="53"/>
      <c r="E44" s="30"/>
      <c r="F44" s="68"/>
      <c r="G44" s="5"/>
    </row>
    <row r="45" spans="1:7" ht="12.95" customHeight="1">
      <c r="A45" s="78"/>
      <c r="B45" s="27"/>
      <c r="C45" s="28"/>
      <c r="D45" s="54"/>
      <c r="E45" s="29"/>
      <c r="F45" s="69"/>
      <c r="G45" s="8"/>
    </row>
    <row r="46" spans="1:7" ht="12.95" customHeight="1">
      <c r="A46" s="78"/>
      <c r="B46" s="31"/>
      <c r="C46" s="32"/>
      <c r="D46" s="55"/>
      <c r="E46" s="33"/>
      <c r="F46" s="70"/>
      <c r="G46" s="12"/>
    </row>
    <row r="47" spans="1:7" ht="12.95" customHeight="1">
      <c r="A47" s="78"/>
      <c r="B47" s="24"/>
      <c r="C47" s="25"/>
      <c r="D47" s="53"/>
      <c r="E47" s="30"/>
      <c r="F47" s="68"/>
      <c r="G47" s="5"/>
    </row>
    <row r="48" spans="1:7" ht="12.95" customHeight="1">
      <c r="A48" s="78"/>
      <c r="B48" s="27"/>
      <c r="C48" s="28"/>
      <c r="D48" s="54"/>
      <c r="E48" s="29"/>
      <c r="F48" s="69"/>
      <c r="G48" s="8"/>
    </row>
    <row r="49" spans="1:7" ht="12.95" customHeight="1">
      <c r="A49" s="78"/>
      <c r="B49" s="31"/>
      <c r="C49" s="32"/>
      <c r="D49" s="55"/>
      <c r="E49" s="33"/>
      <c r="F49" s="70"/>
      <c r="G49" s="12"/>
    </row>
    <row r="50" spans="1:7" ht="12.95" customHeight="1">
      <c r="A50" s="78"/>
      <c r="B50" s="24"/>
      <c r="C50" s="25"/>
      <c r="D50" s="53"/>
      <c r="E50" s="26"/>
      <c r="F50" s="68"/>
      <c r="G50" s="5"/>
    </row>
    <row r="51" spans="1:7" ht="12.95" customHeight="1">
      <c r="A51" s="78"/>
      <c r="B51" s="27"/>
      <c r="C51" s="28"/>
      <c r="D51" s="54"/>
      <c r="E51" s="29"/>
      <c r="F51" s="69"/>
      <c r="G51" s="8"/>
    </row>
    <row r="52" spans="1:7" ht="12.95" customHeight="1">
      <c r="A52" s="78"/>
      <c r="B52" s="31"/>
      <c r="C52" s="32"/>
      <c r="D52" s="55"/>
      <c r="E52" s="33"/>
      <c r="F52" s="70"/>
      <c r="G52" s="12"/>
    </row>
    <row r="53" spans="1:7" ht="12.95" customHeight="1">
      <c r="A53" s="78"/>
      <c r="B53" s="24"/>
      <c r="C53" s="25"/>
      <c r="D53" s="53"/>
      <c r="E53" s="30"/>
      <c r="F53" s="68"/>
      <c r="G53" s="5"/>
    </row>
    <row r="54" spans="1:7" ht="12.95" customHeight="1">
      <c r="A54" s="78"/>
      <c r="B54" s="27"/>
      <c r="C54" s="28"/>
      <c r="D54" s="54"/>
      <c r="E54" s="29"/>
      <c r="F54" s="69"/>
      <c r="G54" s="8"/>
    </row>
    <row r="55" spans="1:7" ht="12.95" customHeight="1">
      <c r="A55" s="78"/>
      <c r="B55" s="31"/>
      <c r="C55" s="32"/>
      <c r="D55" s="55"/>
      <c r="E55" s="33"/>
      <c r="F55" s="70"/>
      <c r="G55" s="12"/>
    </row>
    <row r="56" spans="1:7" ht="12.95" customHeight="1">
      <c r="A56" s="78"/>
      <c r="B56" s="24"/>
      <c r="C56" s="25"/>
      <c r="D56" s="53"/>
      <c r="E56" s="30"/>
      <c r="F56" s="68"/>
      <c r="G56" s="5"/>
    </row>
    <row r="57" spans="1:7" ht="12.95" customHeight="1">
      <c r="A57" s="78"/>
      <c r="B57" s="27"/>
      <c r="C57" s="28"/>
      <c r="D57" s="54"/>
      <c r="E57" s="29"/>
      <c r="F57" s="69"/>
      <c r="G57" s="8"/>
    </row>
    <row r="58" spans="1:7" ht="12.95" customHeight="1">
      <c r="A58" s="78"/>
      <c r="B58" s="31"/>
      <c r="C58" s="32"/>
      <c r="D58" s="55"/>
      <c r="E58" s="33"/>
      <c r="F58" s="70"/>
      <c r="G58" s="12"/>
    </row>
    <row r="59" spans="1:7" ht="12.95" customHeight="1">
      <c r="A59" s="78"/>
      <c r="B59" s="24"/>
      <c r="C59" s="25"/>
      <c r="D59" s="53"/>
      <c r="E59" s="30"/>
      <c r="F59" s="68"/>
      <c r="G59" s="5"/>
    </row>
    <row r="60" spans="1:7" ht="12.95" customHeight="1">
      <c r="A60" s="78"/>
      <c r="B60" s="27"/>
      <c r="C60" s="28"/>
      <c r="D60" s="54"/>
      <c r="E60" s="35"/>
      <c r="F60" s="69"/>
      <c r="G60" s="8"/>
    </row>
    <row r="61" spans="1:7" ht="12.95" customHeight="1">
      <c r="A61" s="78"/>
      <c r="B61" s="31"/>
      <c r="C61" s="32"/>
      <c r="D61" s="55"/>
      <c r="E61" s="33"/>
      <c r="F61" s="70"/>
      <c r="G61" s="12"/>
    </row>
    <row r="62" spans="1:7" ht="12.95" customHeight="1">
      <c r="A62" s="78"/>
      <c r="B62" s="24"/>
      <c r="C62" s="25"/>
      <c r="D62" s="56"/>
      <c r="E62" s="36"/>
      <c r="F62" s="71"/>
      <c r="G62" s="5"/>
    </row>
    <row r="63" spans="1:7" ht="12.95" customHeight="1">
      <c r="A63" s="78"/>
      <c r="B63" s="37"/>
      <c r="C63" s="38"/>
      <c r="D63" s="57"/>
      <c r="E63" s="39"/>
      <c r="F63" s="72"/>
      <c r="G63" s="18"/>
    </row>
    <row r="64" spans="1:7" ht="0.95" customHeight="1">
      <c r="B64" s="19"/>
      <c r="C64" s="19"/>
      <c r="D64" s="19"/>
      <c r="E64" s="19"/>
      <c r="F64" s="19"/>
      <c r="G64" s="19"/>
    </row>
    <row r="65" spans="1:7" s="1" customFormat="1" ht="18" customHeight="1">
      <c r="B65" s="79" t="s">
        <v>541</v>
      </c>
      <c r="C65" s="79"/>
      <c r="D65" s="79"/>
      <c r="E65" s="79"/>
      <c r="F65" s="79"/>
      <c r="G65" s="80"/>
    </row>
    <row r="66" spans="1:7" ht="21" customHeight="1">
      <c r="A66" s="78"/>
      <c r="B66" s="207" t="s">
        <v>542</v>
      </c>
      <c r="C66" s="208"/>
      <c r="D66" s="208"/>
      <c r="E66" s="208"/>
      <c r="F66" s="208"/>
      <c r="G66" s="209"/>
    </row>
    <row r="67" spans="1:7" ht="21" customHeight="1">
      <c r="A67" s="78"/>
      <c r="B67" s="84" t="s">
        <v>525</v>
      </c>
      <c r="C67" s="85" t="s">
        <v>526</v>
      </c>
      <c r="D67" s="85" t="s">
        <v>527</v>
      </c>
      <c r="E67" s="85" t="s">
        <v>528</v>
      </c>
      <c r="F67" s="85" t="s">
        <v>529</v>
      </c>
      <c r="G67" s="86" t="s">
        <v>530</v>
      </c>
    </row>
    <row r="68" spans="1:7" ht="12.95" customHeight="1">
      <c r="A68" s="78" t="s">
        <v>7</v>
      </c>
      <c r="B68" s="97" t="s">
        <v>542</v>
      </c>
      <c r="C68" s="98" t="s">
        <v>532</v>
      </c>
      <c r="D68" s="53" t="s">
        <v>7</v>
      </c>
      <c r="E68" s="102" t="s">
        <v>7</v>
      </c>
      <c r="F68" s="68" t="s">
        <v>7</v>
      </c>
      <c r="G68" s="90" t="s">
        <v>7</v>
      </c>
    </row>
    <row r="69" spans="1:7" ht="12.95" customHeight="1">
      <c r="A69" s="78" t="s">
        <v>7</v>
      </c>
      <c r="B69" s="97" t="s">
        <v>7</v>
      </c>
      <c r="C69" s="98" t="s">
        <v>7</v>
      </c>
      <c r="D69" s="53" t="s">
        <v>494</v>
      </c>
      <c r="E69" s="102" t="s">
        <v>7</v>
      </c>
      <c r="F69" s="68"/>
      <c r="G69" s="90" t="s">
        <v>7</v>
      </c>
    </row>
    <row r="70" spans="1:7" ht="12.95" customHeight="1">
      <c r="A70" s="78" t="s">
        <v>7</v>
      </c>
      <c r="B70" s="99" t="s">
        <v>7</v>
      </c>
      <c r="C70" s="100" t="s">
        <v>7</v>
      </c>
      <c r="D70" s="54" t="s">
        <v>7</v>
      </c>
      <c r="E70" s="103" t="s">
        <v>533</v>
      </c>
      <c r="F70" s="69"/>
      <c r="G70" s="91" t="s">
        <v>7</v>
      </c>
    </row>
    <row r="71" spans="1:7" ht="12.95" customHeight="1">
      <c r="A71" s="78" t="s">
        <v>7</v>
      </c>
      <c r="B71" s="101" t="s">
        <v>535</v>
      </c>
      <c r="C71" s="98" t="s">
        <v>7</v>
      </c>
      <c r="D71" s="53" t="s">
        <v>7</v>
      </c>
      <c r="E71" s="104" t="s">
        <v>7</v>
      </c>
      <c r="F71" s="68"/>
      <c r="G71" s="90" t="s">
        <v>7</v>
      </c>
    </row>
    <row r="72" spans="1:7" ht="12.95" customHeight="1">
      <c r="A72" s="78" t="s">
        <v>7</v>
      </c>
      <c r="B72" s="97" t="s">
        <v>7</v>
      </c>
      <c r="C72" s="98" t="s">
        <v>7</v>
      </c>
      <c r="D72" s="53" t="s">
        <v>7</v>
      </c>
      <c r="E72" s="104" t="s">
        <v>7</v>
      </c>
      <c r="F72" s="68"/>
      <c r="G72" s="90" t="s">
        <v>7</v>
      </c>
    </row>
    <row r="73" spans="1:7" ht="12.95" customHeight="1">
      <c r="A73" s="78" t="s">
        <v>7</v>
      </c>
      <c r="B73" s="99" t="s">
        <v>7</v>
      </c>
      <c r="C73" s="100" t="s">
        <v>7</v>
      </c>
      <c r="D73" s="54" t="s">
        <v>7</v>
      </c>
      <c r="E73" s="103" t="s">
        <v>7</v>
      </c>
      <c r="F73" s="69"/>
      <c r="G73" s="91" t="s">
        <v>7</v>
      </c>
    </row>
    <row r="74" spans="1:7" ht="12.95" customHeight="1">
      <c r="A74" s="78"/>
      <c r="B74" s="31"/>
      <c r="C74" s="32"/>
      <c r="D74" s="55"/>
      <c r="E74" s="33"/>
      <c r="F74" s="70"/>
      <c r="G74" s="12"/>
    </row>
    <row r="75" spans="1:7" ht="12.95" customHeight="1">
      <c r="A75" s="78"/>
      <c r="B75" s="24"/>
      <c r="C75" s="25"/>
      <c r="D75" s="53"/>
      <c r="E75" s="30"/>
      <c r="F75" s="68"/>
      <c r="G75" s="5"/>
    </row>
    <row r="76" spans="1:7" ht="12.95" customHeight="1">
      <c r="A76" s="78"/>
      <c r="B76" s="27"/>
      <c r="C76" s="28"/>
      <c r="D76" s="54"/>
      <c r="E76" s="29"/>
      <c r="F76" s="69"/>
      <c r="G76" s="8"/>
    </row>
    <row r="77" spans="1:7" ht="12.95" customHeight="1">
      <c r="A77" s="78"/>
      <c r="B77" s="31"/>
      <c r="C77" s="32"/>
      <c r="D77" s="55"/>
      <c r="E77" s="33"/>
      <c r="F77" s="70"/>
      <c r="G77" s="12"/>
    </row>
    <row r="78" spans="1:7" ht="12.95" customHeight="1">
      <c r="A78" s="78"/>
      <c r="B78" s="24"/>
      <c r="C78" s="25"/>
      <c r="D78" s="53"/>
      <c r="E78" s="30"/>
      <c r="F78" s="68"/>
      <c r="G78" s="5"/>
    </row>
    <row r="79" spans="1:7" ht="12.95" customHeight="1">
      <c r="A79" s="78"/>
      <c r="B79" s="27"/>
      <c r="C79" s="28"/>
      <c r="D79" s="54"/>
      <c r="E79" s="29"/>
      <c r="F79" s="69"/>
      <c r="G79" s="8"/>
    </row>
    <row r="80" spans="1:7" ht="12.95" customHeight="1">
      <c r="A80" s="78"/>
      <c r="B80" s="31"/>
      <c r="C80" s="32"/>
      <c r="D80" s="55"/>
      <c r="E80" s="33"/>
      <c r="F80" s="70"/>
      <c r="G80" s="12"/>
    </row>
    <row r="81" spans="1:7" ht="12.95" customHeight="1">
      <c r="A81" s="78"/>
      <c r="B81" s="24"/>
      <c r="C81" s="25"/>
      <c r="D81" s="53"/>
      <c r="E81" s="30"/>
      <c r="F81" s="68"/>
      <c r="G81" s="5"/>
    </row>
    <row r="82" spans="1:7" ht="12.95" customHeight="1">
      <c r="A82" s="78"/>
      <c r="B82" s="27"/>
      <c r="C82" s="28"/>
      <c r="D82" s="54"/>
      <c r="E82" s="29"/>
      <c r="F82" s="69"/>
      <c r="G82" s="8"/>
    </row>
    <row r="83" spans="1:7" ht="12.95" customHeight="1">
      <c r="A83" s="78"/>
      <c r="B83" s="31"/>
      <c r="C83" s="32"/>
      <c r="D83" s="55"/>
      <c r="E83" s="33"/>
      <c r="F83" s="70"/>
      <c r="G83" s="12"/>
    </row>
    <row r="84" spans="1:7" ht="12.95" customHeight="1">
      <c r="A84" s="78"/>
      <c r="B84" s="24"/>
      <c r="C84" s="25"/>
      <c r="D84" s="53"/>
      <c r="E84" s="30"/>
      <c r="F84" s="68"/>
      <c r="G84" s="5"/>
    </row>
    <row r="85" spans="1:7" ht="12.95" customHeight="1">
      <c r="A85" s="78"/>
      <c r="B85" s="27"/>
      <c r="C85" s="28"/>
      <c r="D85" s="54"/>
      <c r="E85" s="29"/>
      <c r="F85" s="69"/>
      <c r="G85" s="8"/>
    </row>
    <row r="86" spans="1:7" ht="12.95" customHeight="1">
      <c r="A86" s="78"/>
      <c r="B86" s="31"/>
      <c r="C86" s="32"/>
      <c r="D86" s="55"/>
      <c r="E86" s="33"/>
      <c r="F86" s="70"/>
      <c r="G86" s="12"/>
    </row>
    <row r="87" spans="1:7" ht="12.95" customHeight="1">
      <c r="A87" s="78"/>
      <c r="B87" s="24"/>
      <c r="C87" s="25"/>
      <c r="D87" s="53"/>
      <c r="E87" s="30"/>
      <c r="F87" s="68"/>
      <c r="G87" s="5"/>
    </row>
    <row r="88" spans="1:7" ht="12.95" customHeight="1">
      <c r="A88" s="78"/>
      <c r="B88" s="27"/>
      <c r="C88" s="28"/>
      <c r="D88" s="54"/>
      <c r="E88" s="29"/>
      <c r="F88" s="69"/>
      <c r="G88" s="8"/>
    </row>
    <row r="89" spans="1:7" ht="12.95" customHeight="1">
      <c r="A89" s="78"/>
      <c r="B89" s="31"/>
      <c r="C89" s="32"/>
      <c r="D89" s="55"/>
      <c r="E89" s="33"/>
      <c r="F89" s="70"/>
      <c r="G89" s="12"/>
    </row>
    <row r="90" spans="1:7" ht="12.95" customHeight="1">
      <c r="A90" s="78"/>
      <c r="B90" s="24"/>
      <c r="C90" s="25"/>
      <c r="D90" s="53"/>
      <c r="E90" s="30"/>
      <c r="F90" s="68"/>
      <c r="G90" s="5"/>
    </row>
    <row r="91" spans="1:7" ht="12.95" customHeight="1">
      <c r="A91" s="78"/>
      <c r="B91" s="27"/>
      <c r="C91" s="28"/>
      <c r="D91" s="54"/>
      <c r="E91" s="29"/>
      <c r="F91" s="69"/>
      <c r="G91" s="8"/>
    </row>
    <row r="92" spans="1:7" ht="12.95" customHeight="1">
      <c r="A92" s="78"/>
      <c r="B92" s="31"/>
      <c r="C92" s="32"/>
      <c r="D92" s="55"/>
      <c r="E92" s="33"/>
      <c r="F92" s="70"/>
      <c r="G92" s="12"/>
    </row>
    <row r="93" spans="1:7" ht="12.95" customHeight="1">
      <c r="A93" s="78"/>
      <c r="B93" s="24"/>
      <c r="C93" s="25"/>
      <c r="D93" s="53"/>
      <c r="E93" s="30"/>
      <c r="F93" s="68"/>
      <c r="G93" s="5"/>
    </row>
    <row r="94" spans="1:7" ht="12.95" customHeight="1">
      <c r="A94" s="78"/>
      <c r="B94" s="27"/>
      <c r="C94" s="28"/>
      <c r="D94" s="54"/>
      <c r="E94" s="29"/>
      <c r="F94" s="69"/>
      <c r="G94" s="8"/>
    </row>
    <row r="95" spans="1:7" ht="12.95" customHeight="1">
      <c r="A95" s="78"/>
      <c r="B95" s="31"/>
      <c r="C95" s="32"/>
      <c r="D95" s="55"/>
      <c r="E95" s="33"/>
      <c r="F95" s="70"/>
      <c r="G95" s="12"/>
    </row>
    <row r="96" spans="1:7" ht="12.95" customHeight="1">
      <c r="A96" s="78"/>
      <c r="B96" s="24"/>
      <c r="C96" s="25"/>
      <c r="D96" s="53"/>
      <c r="E96" s="30"/>
      <c r="F96" s="68"/>
      <c r="G96" s="5"/>
    </row>
    <row r="97" spans="1:7" ht="12.95" customHeight="1">
      <c r="A97" s="78"/>
      <c r="B97" s="27"/>
      <c r="C97" s="28"/>
      <c r="D97" s="54"/>
      <c r="E97" s="29"/>
      <c r="F97" s="69"/>
      <c r="G97" s="8"/>
    </row>
    <row r="98" spans="1:7" ht="12.95" customHeight="1">
      <c r="A98" s="78"/>
      <c r="B98" s="31"/>
      <c r="C98" s="32"/>
      <c r="D98" s="55"/>
      <c r="E98" s="33"/>
      <c r="F98" s="70"/>
      <c r="G98" s="12"/>
    </row>
    <row r="99" spans="1:7" ht="12.95" customHeight="1">
      <c r="A99" s="78"/>
      <c r="B99" s="24"/>
      <c r="C99" s="25"/>
      <c r="D99" s="53"/>
      <c r="E99" s="30"/>
      <c r="F99" s="68"/>
      <c r="G99" s="5"/>
    </row>
    <row r="100" spans="1:7" ht="12.95" customHeight="1">
      <c r="A100" s="78"/>
      <c r="B100" s="27"/>
      <c r="C100" s="28"/>
      <c r="D100" s="54"/>
      <c r="E100" s="29"/>
      <c r="F100" s="69"/>
      <c r="G100" s="8"/>
    </row>
    <row r="101" spans="1:7" ht="12.95" customHeight="1">
      <c r="A101" s="78"/>
      <c r="B101" s="31"/>
      <c r="C101" s="32"/>
      <c r="D101" s="55"/>
      <c r="E101" s="33"/>
      <c r="F101" s="70"/>
      <c r="G101" s="12"/>
    </row>
    <row r="102" spans="1:7" ht="12.95" customHeight="1">
      <c r="A102" s="78"/>
      <c r="B102" s="24"/>
      <c r="C102" s="25"/>
      <c r="D102" s="53"/>
      <c r="E102" s="30"/>
      <c r="F102" s="68"/>
      <c r="G102" s="5"/>
    </row>
    <row r="103" spans="1:7" ht="12.95" customHeight="1">
      <c r="A103" s="78"/>
      <c r="B103" s="27"/>
      <c r="C103" s="28"/>
      <c r="D103" s="54"/>
      <c r="E103" s="29"/>
      <c r="F103" s="69"/>
      <c r="G103" s="8"/>
    </row>
    <row r="104" spans="1:7" ht="12.95" customHeight="1">
      <c r="A104" s="78"/>
      <c r="B104" s="31"/>
      <c r="C104" s="32"/>
      <c r="D104" s="55"/>
      <c r="E104" s="34"/>
      <c r="F104" s="70"/>
      <c r="G104" s="12"/>
    </row>
    <row r="105" spans="1:7" ht="12.95" customHeight="1">
      <c r="A105" s="78"/>
      <c r="B105" s="24"/>
      <c r="C105" s="25"/>
      <c r="D105" s="53"/>
      <c r="E105" s="30"/>
      <c r="F105" s="68"/>
      <c r="G105" s="5"/>
    </row>
    <row r="106" spans="1:7" ht="12.95" customHeight="1">
      <c r="A106" s="78"/>
      <c r="B106" s="27"/>
      <c r="C106" s="28"/>
      <c r="D106" s="54"/>
      <c r="E106" s="29"/>
      <c r="F106" s="69"/>
      <c r="G106" s="8"/>
    </row>
    <row r="107" spans="1:7" ht="12.95" customHeight="1">
      <c r="A107" s="78"/>
      <c r="B107" s="31"/>
      <c r="C107" s="32"/>
      <c r="D107" s="55"/>
      <c r="E107" s="33"/>
      <c r="F107" s="70"/>
      <c r="G107" s="12"/>
    </row>
    <row r="108" spans="1:7" ht="12.95" customHeight="1">
      <c r="A108" s="78"/>
      <c r="B108" s="24"/>
      <c r="C108" s="25"/>
      <c r="D108" s="53"/>
      <c r="E108" s="30"/>
      <c r="F108" s="68"/>
      <c r="G108" s="5"/>
    </row>
    <row r="109" spans="1:7" ht="12.95" customHeight="1">
      <c r="A109" s="78"/>
      <c r="B109" s="27"/>
      <c r="C109" s="28"/>
      <c r="D109" s="54"/>
      <c r="E109" s="29"/>
      <c r="F109" s="69"/>
      <c r="G109" s="8"/>
    </row>
    <row r="110" spans="1:7" ht="12.95" customHeight="1">
      <c r="A110" s="78"/>
      <c r="B110" s="31"/>
      <c r="C110" s="32"/>
      <c r="D110" s="55"/>
      <c r="E110" s="33"/>
      <c r="F110" s="70"/>
      <c r="G110" s="12"/>
    </row>
    <row r="111" spans="1:7" ht="12.95" customHeight="1">
      <c r="A111" s="78"/>
      <c r="B111" s="24"/>
      <c r="C111" s="25"/>
      <c r="D111" s="53"/>
      <c r="E111" s="30"/>
      <c r="F111" s="68"/>
      <c r="G111" s="5"/>
    </row>
    <row r="112" spans="1:7" ht="12.95" customHeight="1">
      <c r="A112" s="78"/>
      <c r="B112" s="27"/>
      <c r="C112" s="28"/>
      <c r="D112" s="54"/>
      <c r="E112" s="29"/>
      <c r="F112" s="69"/>
      <c r="G112" s="8"/>
    </row>
    <row r="113" spans="1:7" ht="12.95" customHeight="1">
      <c r="A113" s="78"/>
      <c r="B113" s="31"/>
      <c r="C113" s="32"/>
      <c r="D113" s="55"/>
      <c r="E113" s="33"/>
      <c r="F113" s="70"/>
      <c r="G113" s="12"/>
    </row>
    <row r="114" spans="1:7" ht="12.95" customHeight="1">
      <c r="A114" s="78"/>
      <c r="B114" s="24"/>
      <c r="C114" s="25"/>
      <c r="D114" s="53"/>
      <c r="E114" s="26"/>
      <c r="F114" s="68"/>
      <c r="G114" s="5"/>
    </row>
    <row r="115" spans="1:7" ht="12.95" customHeight="1">
      <c r="A115" s="78"/>
      <c r="B115" s="27"/>
      <c r="C115" s="28"/>
      <c r="D115" s="54"/>
      <c r="E115" s="29"/>
      <c r="F115" s="69"/>
      <c r="G115" s="8"/>
    </row>
    <row r="116" spans="1:7" ht="12.95" customHeight="1">
      <c r="A116" s="78"/>
      <c r="B116" s="31"/>
      <c r="C116" s="32"/>
      <c r="D116" s="55"/>
      <c r="E116" s="33"/>
      <c r="F116" s="70"/>
      <c r="G116" s="12"/>
    </row>
    <row r="117" spans="1:7" ht="12.95" customHeight="1">
      <c r="A117" s="78"/>
      <c r="B117" s="24"/>
      <c r="C117" s="25"/>
      <c r="D117" s="53"/>
      <c r="E117" s="30"/>
      <c r="F117" s="68"/>
      <c r="G117" s="5"/>
    </row>
    <row r="118" spans="1:7" ht="12.95" customHeight="1">
      <c r="A118" s="78"/>
      <c r="B118" s="27"/>
      <c r="C118" s="28"/>
      <c r="D118" s="54"/>
      <c r="E118" s="29"/>
      <c r="F118" s="69"/>
      <c r="G118" s="8"/>
    </row>
    <row r="119" spans="1:7" ht="12.95" customHeight="1">
      <c r="A119" s="78"/>
      <c r="B119" s="31"/>
      <c r="C119" s="32"/>
      <c r="D119" s="55"/>
      <c r="E119" s="33"/>
      <c r="F119" s="70"/>
      <c r="G119" s="12"/>
    </row>
    <row r="120" spans="1:7" ht="12.95" customHeight="1">
      <c r="A120" s="78"/>
      <c r="B120" s="24"/>
      <c r="C120" s="25"/>
      <c r="D120" s="53"/>
      <c r="E120" s="30"/>
      <c r="F120" s="68"/>
      <c r="G120" s="5"/>
    </row>
    <row r="121" spans="1:7" ht="12.95" customHeight="1">
      <c r="A121" s="78"/>
      <c r="B121" s="27"/>
      <c r="C121" s="28"/>
      <c r="D121" s="54"/>
      <c r="E121" s="29"/>
      <c r="F121" s="69"/>
      <c r="G121" s="8"/>
    </row>
    <row r="122" spans="1:7" ht="12.95" customHeight="1">
      <c r="A122" s="78"/>
      <c r="B122" s="31"/>
      <c r="C122" s="32"/>
      <c r="D122" s="55"/>
      <c r="E122" s="33"/>
      <c r="F122" s="70"/>
      <c r="G122" s="12"/>
    </row>
    <row r="123" spans="1:7" ht="12.95" customHeight="1">
      <c r="A123" s="78"/>
      <c r="B123" s="24"/>
      <c r="C123" s="25"/>
      <c r="D123" s="53"/>
      <c r="E123" s="30"/>
      <c r="F123" s="68"/>
      <c r="G123" s="5"/>
    </row>
    <row r="124" spans="1:7" ht="12.95" customHeight="1">
      <c r="A124" s="78"/>
      <c r="B124" s="27"/>
      <c r="C124" s="28"/>
      <c r="D124" s="54"/>
      <c r="E124" s="35"/>
      <c r="F124" s="69"/>
      <c r="G124" s="8"/>
    </row>
    <row r="125" spans="1:7" ht="12.95" customHeight="1">
      <c r="A125" s="78"/>
      <c r="B125" s="31"/>
      <c r="C125" s="32"/>
      <c r="D125" s="55"/>
      <c r="E125" s="33"/>
      <c r="F125" s="70"/>
      <c r="G125" s="12"/>
    </row>
    <row r="126" spans="1:7" ht="12.95" customHeight="1">
      <c r="A126" s="78"/>
      <c r="B126" s="24"/>
      <c r="C126" s="25"/>
      <c r="D126" s="56"/>
      <c r="E126" s="36"/>
      <c r="F126" s="71"/>
      <c r="G126" s="5"/>
    </row>
    <row r="127" spans="1:7" ht="12.95" customHeight="1">
      <c r="A127" s="78"/>
      <c r="B127" s="37"/>
      <c r="C127" s="38"/>
      <c r="D127" s="57"/>
      <c r="E127" s="39"/>
      <c r="F127" s="72"/>
      <c r="G127" s="18"/>
    </row>
    <row r="128" spans="1:7" ht="0.95" customHeight="1">
      <c r="B128" s="19"/>
      <c r="C128" s="19"/>
      <c r="D128" s="19"/>
      <c r="E128" s="19"/>
      <c r="F128" s="19"/>
      <c r="G128" s="19"/>
    </row>
  </sheetData>
  <mergeCells count="2">
    <mergeCell ref="B2:G2"/>
    <mergeCell ref="B66:G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  <rowBreaks count="2" manualBreakCount="2">
    <brk id="64" max="16383" man="1"/>
    <brk id="128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H512"/>
  <sheetViews>
    <sheetView view="pageBreakPreview" zoomScaleNormal="115" zoomScaleSheetLayoutView="100" workbookViewId="0">
      <selection activeCell="H13" sqref="H13"/>
    </sheetView>
  </sheetViews>
  <sheetFormatPr defaultRowHeight="11.25"/>
  <cols>
    <col min="1" max="1" width="0.1640625" style="2" customWidth="1"/>
    <col min="2" max="2" width="14.83203125" style="2" customWidth="1"/>
    <col min="3" max="3" width="23.83203125" style="2" customWidth="1"/>
    <col min="4" max="4" width="15.83203125" style="2" customWidth="1"/>
    <col min="5" max="5" width="5" style="2" customWidth="1"/>
    <col min="6" max="6" width="13.6640625" style="2" customWidth="1"/>
    <col min="7" max="7" width="17.6640625" style="2" customWidth="1"/>
    <col min="8" max="8" width="19.6640625" style="2" customWidth="1"/>
    <col min="9" max="16384" width="9.33203125" style="2"/>
  </cols>
  <sheetData>
    <row r="1" spans="1:8" s="1" customFormat="1" ht="18" customHeight="1">
      <c r="B1" s="79" t="s">
        <v>543</v>
      </c>
      <c r="C1" s="79"/>
      <c r="D1" s="79"/>
      <c r="E1" s="79"/>
      <c r="F1" s="79"/>
      <c r="G1" s="79"/>
      <c r="H1" s="80"/>
    </row>
    <row r="2" spans="1:8" ht="21" customHeight="1">
      <c r="A2" s="78"/>
      <c r="B2" s="207" t="s">
        <v>544</v>
      </c>
      <c r="C2" s="208"/>
      <c r="D2" s="208" t="s">
        <v>545</v>
      </c>
      <c r="E2" s="208"/>
      <c r="F2" s="208"/>
      <c r="G2" s="208" t="s">
        <v>546</v>
      </c>
      <c r="H2" s="209"/>
    </row>
    <row r="3" spans="1:8" ht="21" customHeight="1">
      <c r="A3" s="78"/>
      <c r="B3" s="105" t="s">
        <v>547</v>
      </c>
      <c r="C3" s="106" t="s">
        <v>548</v>
      </c>
      <c r="D3" s="106" t="s">
        <v>549</v>
      </c>
      <c r="E3" s="106" t="s">
        <v>500</v>
      </c>
      <c r="F3" s="106" t="s">
        <v>550</v>
      </c>
      <c r="G3" s="106" t="s">
        <v>551</v>
      </c>
      <c r="H3" s="107" t="s">
        <v>552</v>
      </c>
    </row>
    <row r="4" spans="1:8" ht="12.95" customHeight="1">
      <c r="A4" s="78" t="s">
        <v>7</v>
      </c>
      <c r="B4" s="108" t="s">
        <v>553</v>
      </c>
      <c r="C4" s="98" t="s">
        <v>7</v>
      </c>
      <c r="D4" s="52" t="s">
        <v>7</v>
      </c>
      <c r="E4" s="113" t="s">
        <v>554</v>
      </c>
      <c r="F4" s="124" t="s">
        <v>7</v>
      </c>
      <c r="G4" s="53" t="s">
        <v>7</v>
      </c>
      <c r="H4" s="90"/>
    </row>
    <row r="5" spans="1:8" ht="12.95" customHeight="1">
      <c r="A5" s="78" t="s">
        <v>7</v>
      </c>
      <c r="B5" s="108" t="s">
        <v>7</v>
      </c>
      <c r="C5" s="98" t="s">
        <v>7</v>
      </c>
      <c r="D5" s="52" t="s">
        <v>507</v>
      </c>
      <c r="E5" s="113" t="s">
        <v>7</v>
      </c>
      <c r="F5" s="52" t="s">
        <v>7</v>
      </c>
      <c r="G5" s="53"/>
      <c r="H5" s="90"/>
    </row>
    <row r="6" spans="1:8" ht="12.95" customHeight="1">
      <c r="A6" s="78" t="s">
        <v>7</v>
      </c>
      <c r="B6" s="109" t="s">
        <v>7</v>
      </c>
      <c r="C6" s="100" t="s">
        <v>7</v>
      </c>
      <c r="D6" s="60" t="s">
        <v>7</v>
      </c>
      <c r="E6" s="112" t="s">
        <v>508</v>
      </c>
      <c r="F6" s="126" t="s">
        <v>7</v>
      </c>
      <c r="G6" s="54"/>
      <c r="H6" s="91"/>
    </row>
    <row r="7" spans="1:8" ht="12.95" customHeight="1">
      <c r="A7" s="78" t="s">
        <v>7</v>
      </c>
      <c r="B7" s="108" t="s">
        <v>555</v>
      </c>
      <c r="C7" s="98" t="s">
        <v>7</v>
      </c>
      <c r="D7" s="52" t="s">
        <v>7</v>
      </c>
      <c r="E7" s="113" t="s">
        <v>554</v>
      </c>
      <c r="F7" s="124" t="s">
        <v>7</v>
      </c>
      <c r="G7" s="53"/>
      <c r="H7" s="90"/>
    </row>
    <row r="8" spans="1:8" ht="12.95" customHeight="1">
      <c r="A8" s="78" t="s">
        <v>7</v>
      </c>
      <c r="B8" s="108" t="s">
        <v>7</v>
      </c>
      <c r="C8" s="98" t="s">
        <v>7</v>
      </c>
      <c r="D8" s="52" t="s">
        <v>507</v>
      </c>
      <c r="E8" s="113" t="s">
        <v>7</v>
      </c>
      <c r="F8" s="52" t="s">
        <v>7</v>
      </c>
      <c r="G8" s="53"/>
      <c r="H8" s="90"/>
    </row>
    <row r="9" spans="1:8" ht="12.95" customHeight="1">
      <c r="A9" s="78" t="s">
        <v>7</v>
      </c>
      <c r="B9" s="109" t="s">
        <v>7</v>
      </c>
      <c r="C9" s="100" t="s">
        <v>7</v>
      </c>
      <c r="D9" s="60" t="s">
        <v>7</v>
      </c>
      <c r="E9" s="112" t="s">
        <v>508</v>
      </c>
      <c r="F9" s="126" t="s">
        <v>7</v>
      </c>
      <c r="G9" s="54"/>
      <c r="H9" s="91"/>
    </row>
    <row r="10" spans="1:8" ht="12.95" customHeight="1">
      <c r="A10" s="78" t="s">
        <v>7</v>
      </c>
      <c r="B10" s="110" t="s">
        <v>509</v>
      </c>
      <c r="C10" s="98" t="s">
        <v>7</v>
      </c>
      <c r="D10" s="52" t="s">
        <v>7</v>
      </c>
      <c r="E10" s="113" t="s">
        <v>7</v>
      </c>
      <c r="F10" s="52" t="s">
        <v>7</v>
      </c>
      <c r="G10" s="53"/>
      <c r="H10" s="90"/>
    </row>
    <row r="11" spans="1:8" ht="12.95" customHeight="1">
      <c r="A11" s="78" t="s">
        <v>7</v>
      </c>
      <c r="B11" s="108" t="s">
        <v>7</v>
      </c>
      <c r="C11" s="98" t="s">
        <v>7</v>
      </c>
      <c r="D11" s="52" t="s">
        <v>7</v>
      </c>
      <c r="E11" s="113" t="s">
        <v>7</v>
      </c>
      <c r="F11" s="52" t="s">
        <v>7</v>
      </c>
      <c r="G11" s="53"/>
      <c r="H11" s="90" t="s">
        <v>7</v>
      </c>
    </row>
    <row r="12" spans="1:8" ht="12.95" customHeight="1">
      <c r="A12" s="78" t="s">
        <v>7</v>
      </c>
      <c r="B12" s="109" t="s">
        <v>7</v>
      </c>
      <c r="C12" s="100" t="s">
        <v>7</v>
      </c>
      <c r="D12" s="60" t="s">
        <v>7</v>
      </c>
      <c r="E12" s="112" t="s">
        <v>7</v>
      </c>
      <c r="F12" s="60" t="s">
        <v>7</v>
      </c>
      <c r="G12" s="54"/>
      <c r="H12" s="91" t="s">
        <v>7</v>
      </c>
    </row>
    <row r="13" spans="1:8" ht="12.95" customHeight="1">
      <c r="A13" s="78"/>
      <c r="B13" s="45"/>
      <c r="C13" s="32"/>
      <c r="D13" s="61"/>
      <c r="E13" s="46"/>
      <c r="F13" s="61"/>
      <c r="G13" s="55"/>
      <c r="H13" s="12"/>
    </row>
    <row r="14" spans="1:8" ht="12.95" customHeight="1">
      <c r="A14" s="78"/>
      <c r="B14" s="40"/>
      <c r="C14" s="25"/>
      <c r="D14" s="52"/>
      <c r="E14" s="44"/>
      <c r="F14" s="52"/>
      <c r="G14" s="53"/>
      <c r="H14" s="5"/>
    </row>
    <row r="15" spans="1:8" ht="12.95" customHeight="1">
      <c r="A15" s="78"/>
      <c r="B15" s="42"/>
      <c r="C15" s="28"/>
      <c r="D15" s="60"/>
      <c r="E15" s="43"/>
      <c r="F15" s="60"/>
      <c r="G15" s="54"/>
      <c r="H15" s="8"/>
    </row>
    <row r="16" spans="1:8" ht="12.95" customHeight="1">
      <c r="A16" s="78"/>
      <c r="B16" s="45"/>
      <c r="C16" s="32"/>
      <c r="D16" s="61"/>
      <c r="E16" s="46"/>
      <c r="F16" s="61"/>
      <c r="G16" s="55"/>
      <c r="H16" s="12"/>
    </row>
    <row r="17" spans="1:8" ht="12.95" customHeight="1">
      <c r="A17" s="78"/>
      <c r="B17" s="40"/>
      <c r="C17" s="25"/>
      <c r="D17" s="52"/>
      <c r="E17" s="44"/>
      <c r="F17" s="52"/>
      <c r="G17" s="53"/>
      <c r="H17" s="5"/>
    </row>
    <row r="18" spans="1:8" ht="12.95" customHeight="1">
      <c r="A18" s="78"/>
      <c r="B18" s="42"/>
      <c r="C18" s="28"/>
      <c r="D18" s="60"/>
      <c r="E18" s="43"/>
      <c r="F18" s="60"/>
      <c r="G18" s="54"/>
      <c r="H18" s="8"/>
    </row>
    <row r="19" spans="1:8" ht="12.95" customHeight="1">
      <c r="A19" s="78"/>
      <c r="B19" s="45"/>
      <c r="C19" s="32"/>
      <c r="D19" s="61"/>
      <c r="E19" s="46"/>
      <c r="F19" s="61"/>
      <c r="G19" s="55"/>
      <c r="H19" s="12"/>
    </row>
    <row r="20" spans="1:8" ht="12.95" customHeight="1">
      <c r="A20" s="78"/>
      <c r="B20" s="40"/>
      <c r="C20" s="25"/>
      <c r="D20" s="52"/>
      <c r="E20" s="44"/>
      <c r="F20" s="52"/>
      <c r="G20" s="53"/>
      <c r="H20" s="5"/>
    </row>
    <row r="21" spans="1:8" ht="12.95" customHeight="1">
      <c r="A21" s="78"/>
      <c r="B21" s="42"/>
      <c r="C21" s="28"/>
      <c r="D21" s="60"/>
      <c r="E21" s="43"/>
      <c r="F21" s="60"/>
      <c r="G21" s="54"/>
      <c r="H21" s="8"/>
    </row>
    <row r="22" spans="1:8" ht="12.95" customHeight="1">
      <c r="A22" s="78"/>
      <c r="B22" s="45"/>
      <c r="C22" s="32"/>
      <c r="D22" s="61"/>
      <c r="E22" s="46"/>
      <c r="F22" s="61"/>
      <c r="G22" s="55"/>
      <c r="H22" s="12"/>
    </row>
    <row r="23" spans="1:8" ht="12.95" customHeight="1">
      <c r="A23" s="78"/>
      <c r="B23" s="40"/>
      <c r="C23" s="25"/>
      <c r="D23" s="52"/>
      <c r="E23" s="44"/>
      <c r="F23" s="52"/>
      <c r="G23" s="53"/>
      <c r="H23" s="5"/>
    </row>
    <row r="24" spans="1:8" ht="12.95" customHeight="1">
      <c r="A24" s="78"/>
      <c r="B24" s="42"/>
      <c r="C24" s="28"/>
      <c r="D24" s="60"/>
      <c r="E24" s="43"/>
      <c r="F24" s="60"/>
      <c r="G24" s="54"/>
      <c r="H24" s="8"/>
    </row>
    <row r="25" spans="1:8" ht="12.95" customHeight="1">
      <c r="A25" s="78"/>
      <c r="B25" s="45"/>
      <c r="C25" s="32"/>
      <c r="D25" s="61"/>
      <c r="E25" s="46"/>
      <c r="F25" s="61"/>
      <c r="G25" s="55"/>
      <c r="H25" s="12"/>
    </row>
    <row r="26" spans="1:8" ht="12.95" customHeight="1">
      <c r="A26" s="78"/>
      <c r="B26" s="40"/>
      <c r="C26" s="25"/>
      <c r="D26" s="52"/>
      <c r="E26" s="44"/>
      <c r="F26" s="52"/>
      <c r="G26" s="53"/>
      <c r="H26" s="5"/>
    </row>
    <row r="27" spans="1:8" ht="12.95" customHeight="1">
      <c r="A27" s="78"/>
      <c r="B27" s="42"/>
      <c r="C27" s="28"/>
      <c r="D27" s="60"/>
      <c r="E27" s="43"/>
      <c r="F27" s="60"/>
      <c r="G27" s="54"/>
      <c r="H27" s="8"/>
    </row>
    <row r="28" spans="1:8" ht="12.95" customHeight="1">
      <c r="A28" s="78"/>
      <c r="B28" s="45"/>
      <c r="C28" s="32"/>
      <c r="D28" s="61"/>
      <c r="E28" s="46"/>
      <c r="F28" s="61"/>
      <c r="G28" s="55"/>
      <c r="H28" s="12"/>
    </row>
    <row r="29" spans="1:8" ht="12.95" customHeight="1">
      <c r="A29" s="78"/>
      <c r="B29" s="40"/>
      <c r="C29" s="25"/>
      <c r="D29" s="52"/>
      <c r="E29" s="44"/>
      <c r="F29" s="52"/>
      <c r="G29" s="53"/>
      <c r="H29" s="5"/>
    </row>
    <row r="30" spans="1:8" ht="12.95" customHeight="1">
      <c r="A30" s="78"/>
      <c r="B30" s="42"/>
      <c r="C30" s="28"/>
      <c r="D30" s="60"/>
      <c r="E30" s="43"/>
      <c r="F30" s="60"/>
      <c r="G30" s="54"/>
      <c r="H30" s="8"/>
    </row>
    <row r="31" spans="1:8" ht="12.95" customHeight="1">
      <c r="A31" s="78"/>
      <c r="B31" s="45"/>
      <c r="C31" s="32"/>
      <c r="D31" s="61"/>
      <c r="E31" s="46"/>
      <c r="F31" s="61"/>
      <c r="G31" s="55"/>
      <c r="H31" s="12"/>
    </row>
    <row r="32" spans="1:8" ht="12.95" customHeight="1">
      <c r="A32" s="78"/>
      <c r="B32" s="40"/>
      <c r="C32" s="25"/>
      <c r="D32" s="52"/>
      <c r="E32" s="44"/>
      <c r="F32" s="52"/>
      <c r="G32" s="53"/>
      <c r="H32" s="5"/>
    </row>
    <row r="33" spans="1:8" ht="12.95" customHeight="1">
      <c r="A33" s="78"/>
      <c r="B33" s="42"/>
      <c r="C33" s="28"/>
      <c r="D33" s="60"/>
      <c r="E33" s="43"/>
      <c r="F33" s="60"/>
      <c r="G33" s="54"/>
      <c r="H33" s="8"/>
    </row>
    <row r="34" spans="1:8" ht="12.95" customHeight="1">
      <c r="A34" s="78"/>
      <c r="B34" s="45"/>
      <c r="C34" s="32"/>
      <c r="D34" s="61"/>
      <c r="E34" s="46"/>
      <c r="F34" s="61"/>
      <c r="G34" s="55"/>
      <c r="H34" s="12"/>
    </row>
    <row r="35" spans="1:8" ht="12.95" customHeight="1">
      <c r="A35" s="78"/>
      <c r="B35" s="40"/>
      <c r="C35" s="25"/>
      <c r="D35" s="52"/>
      <c r="E35" s="44"/>
      <c r="F35" s="52"/>
      <c r="G35" s="53"/>
      <c r="H35" s="5"/>
    </row>
    <row r="36" spans="1:8" ht="12.95" customHeight="1">
      <c r="A36" s="78"/>
      <c r="B36" s="42"/>
      <c r="C36" s="28"/>
      <c r="D36" s="60"/>
      <c r="E36" s="43"/>
      <c r="F36" s="60"/>
      <c r="G36" s="54"/>
      <c r="H36" s="8"/>
    </row>
    <row r="37" spans="1:8" ht="12.95" customHeight="1">
      <c r="A37" s="78"/>
      <c r="B37" s="45"/>
      <c r="C37" s="32"/>
      <c r="D37" s="61"/>
      <c r="E37" s="46"/>
      <c r="F37" s="61"/>
      <c r="G37" s="55"/>
      <c r="H37" s="12"/>
    </row>
    <row r="38" spans="1:8" ht="12.95" customHeight="1">
      <c r="A38" s="78"/>
      <c r="B38" s="40"/>
      <c r="C38" s="25"/>
      <c r="D38" s="52"/>
      <c r="E38" s="44"/>
      <c r="F38" s="52"/>
      <c r="G38" s="53"/>
      <c r="H38" s="5"/>
    </row>
    <row r="39" spans="1:8" ht="12.95" customHeight="1">
      <c r="A39" s="78"/>
      <c r="B39" s="42"/>
      <c r="C39" s="28"/>
      <c r="D39" s="60"/>
      <c r="E39" s="43"/>
      <c r="F39" s="60"/>
      <c r="G39" s="54"/>
      <c r="H39" s="8"/>
    </row>
    <row r="40" spans="1:8" ht="12.95" customHeight="1">
      <c r="A40" s="78"/>
      <c r="B40" s="45"/>
      <c r="C40" s="32"/>
      <c r="D40" s="61"/>
      <c r="E40" s="47"/>
      <c r="F40" s="65"/>
      <c r="G40" s="55"/>
      <c r="H40" s="12"/>
    </row>
    <row r="41" spans="1:8" ht="12.95" customHeight="1">
      <c r="A41" s="78"/>
      <c r="B41" s="40"/>
      <c r="C41" s="25"/>
      <c r="D41" s="52"/>
      <c r="E41" s="44"/>
      <c r="F41" s="52"/>
      <c r="G41" s="53"/>
      <c r="H41" s="5"/>
    </row>
    <row r="42" spans="1:8" ht="12.95" customHeight="1">
      <c r="A42" s="78"/>
      <c r="B42" s="42"/>
      <c r="C42" s="28"/>
      <c r="D42" s="60"/>
      <c r="E42" s="43"/>
      <c r="F42" s="60"/>
      <c r="G42" s="54"/>
      <c r="H42" s="8"/>
    </row>
    <row r="43" spans="1:8" ht="12.95" customHeight="1">
      <c r="A43" s="78"/>
      <c r="B43" s="45"/>
      <c r="C43" s="32"/>
      <c r="D43" s="61"/>
      <c r="E43" s="46"/>
      <c r="F43" s="61"/>
      <c r="G43" s="55"/>
      <c r="H43" s="12"/>
    </row>
    <row r="44" spans="1:8" ht="12.95" customHeight="1">
      <c r="A44" s="78"/>
      <c r="B44" s="40"/>
      <c r="C44" s="25"/>
      <c r="D44" s="52"/>
      <c r="E44" s="44"/>
      <c r="F44" s="52"/>
      <c r="G44" s="53"/>
      <c r="H44" s="5"/>
    </row>
    <row r="45" spans="1:8" ht="12.95" customHeight="1">
      <c r="A45" s="78"/>
      <c r="B45" s="42"/>
      <c r="C45" s="28"/>
      <c r="D45" s="60"/>
      <c r="E45" s="43"/>
      <c r="F45" s="60"/>
      <c r="G45" s="54"/>
      <c r="H45" s="8"/>
    </row>
    <row r="46" spans="1:8" ht="12.95" customHeight="1">
      <c r="A46" s="78"/>
      <c r="B46" s="45"/>
      <c r="C46" s="32"/>
      <c r="D46" s="61"/>
      <c r="E46" s="46"/>
      <c r="F46" s="61"/>
      <c r="G46" s="55"/>
      <c r="H46" s="12"/>
    </row>
    <row r="47" spans="1:8" ht="12.95" customHeight="1">
      <c r="A47" s="78"/>
      <c r="B47" s="40"/>
      <c r="C47" s="25"/>
      <c r="D47" s="52"/>
      <c r="E47" s="44"/>
      <c r="F47" s="52"/>
      <c r="G47" s="53"/>
      <c r="H47" s="5"/>
    </row>
    <row r="48" spans="1:8" ht="12.95" customHeight="1">
      <c r="A48" s="78"/>
      <c r="B48" s="42"/>
      <c r="C48" s="28"/>
      <c r="D48" s="60"/>
      <c r="E48" s="43"/>
      <c r="F48" s="60"/>
      <c r="G48" s="54"/>
      <c r="H48" s="8"/>
    </row>
    <row r="49" spans="1:8" ht="12.95" customHeight="1">
      <c r="A49" s="78"/>
      <c r="B49" s="45"/>
      <c r="C49" s="32"/>
      <c r="D49" s="61"/>
      <c r="E49" s="46"/>
      <c r="F49" s="61"/>
      <c r="G49" s="55"/>
      <c r="H49" s="12"/>
    </row>
    <row r="50" spans="1:8" ht="12.95" customHeight="1">
      <c r="A50" s="78"/>
      <c r="B50" s="40"/>
      <c r="C50" s="25"/>
      <c r="D50" s="52"/>
      <c r="E50" s="41"/>
      <c r="F50" s="64"/>
      <c r="G50" s="53"/>
      <c r="H50" s="5"/>
    </row>
    <row r="51" spans="1:8" ht="12.95" customHeight="1">
      <c r="A51" s="78"/>
      <c r="B51" s="42"/>
      <c r="C51" s="28"/>
      <c r="D51" s="60"/>
      <c r="E51" s="43"/>
      <c r="F51" s="60"/>
      <c r="G51" s="54"/>
      <c r="H51" s="8"/>
    </row>
    <row r="52" spans="1:8" ht="12.95" customHeight="1">
      <c r="A52" s="78"/>
      <c r="B52" s="45"/>
      <c r="C52" s="32"/>
      <c r="D52" s="61"/>
      <c r="E52" s="46"/>
      <c r="F52" s="61"/>
      <c r="G52" s="55"/>
      <c r="H52" s="12"/>
    </row>
    <row r="53" spans="1:8" ht="12.95" customHeight="1">
      <c r="A53" s="78"/>
      <c r="B53" s="40"/>
      <c r="C53" s="25"/>
      <c r="D53" s="52"/>
      <c r="E53" s="44"/>
      <c r="F53" s="52"/>
      <c r="G53" s="53"/>
      <c r="H53" s="5"/>
    </row>
    <row r="54" spans="1:8" ht="12.95" customHeight="1">
      <c r="A54" s="78"/>
      <c r="B54" s="42"/>
      <c r="C54" s="28"/>
      <c r="D54" s="60"/>
      <c r="E54" s="43"/>
      <c r="F54" s="60"/>
      <c r="G54" s="54"/>
      <c r="H54" s="8"/>
    </row>
    <row r="55" spans="1:8" ht="12.95" customHeight="1">
      <c r="A55" s="78"/>
      <c r="B55" s="45"/>
      <c r="C55" s="32"/>
      <c r="D55" s="61"/>
      <c r="E55" s="46"/>
      <c r="F55" s="61"/>
      <c r="G55" s="55"/>
      <c r="H55" s="12"/>
    </row>
    <row r="56" spans="1:8" ht="12.95" customHeight="1">
      <c r="A56" s="78"/>
      <c r="B56" s="40"/>
      <c r="C56" s="25"/>
      <c r="D56" s="52"/>
      <c r="E56" s="44"/>
      <c r="F56" s="52"/>
      <c r="G56" s="53"/>
      <c r="H56" s="5"/>
    </row>
    <row r="57" spans="1:8" ht="12.95" customHeight="1">
      <c r="A57" s="78"/>
      <c r="B57" s="42"/>
      <c r="C57" s="28"/>
      <c r="D57" s="60"/>
      <c r="E57" s="43"/>
      <c r="F57" s="60"/>
      <c r="G57" s="54"/>
      <c r="H57" s="8"/>
    </row>
    <row r="58" spans="1:8" ht="12.95" customHeight="1">
      <c r="A58" s="78"/>
      <c r="B58" s="45"/>
      <c r="C58" s="32"/>
      <c r="D58" s="61"/>
      <c r="E58" s="46"/>
      <c r="F58" s="61"/>
      <c r="G58" s="55"/>
      <c r="H58" s="12"/>
    </row>
    <row r="59" spans="1:8" ht="12.95" customHeight="1">
      <c r="A59" s="78"/>
      <c r="B59" s="40"/>
      <c r="C59" s="25"/>
      <c r="D59" s="52"/>
      <c r="E59" s="44"/>
      <c r="F59" s="52"/>
      <c r="G59" s="53"/>
      <c r="H59" s="5"/>
    </row>
    <row r="60" spans="1:8" ht="12.95" customHeight="1">
      <c r="A60" s="78"/>
      <c r="B60" s="42"/>
      <c r="C60" s="28"/>
      <c r="D60" s="60"/>
      <c r="E60" s="48"/>
      <c r="F60" s="66"/>
      <c r="G60" s="54"/>
      <c r="H60" s="8"/>
    </row>
    <row r="61" spans="1:8" ht="12.95" customHeight="1">
      <c r="A61" s="78"/>
      <c r="B61" s="45"/>
      <c r="C61" s="32"/>
      <c r="D61" s="61"/>
      <c r="E61" s="46"/>
      <c r="F61" s="61"/>
      <c r="G61" s="55"/>
      <c r="H61" s="12"/>
    </row>
    <row r="62" spans="1:8" ht="12.95" customHeight="1">
      <c r="A62" s="78"/>
      <c r="B62" s="40"/>
      <c r="C62" s="25"/>
      <c r="D62" s="62"/>
      <c r="E62" s="44"/>
      <c r="F62" s="62"/>
      <c r="G62" s="53"/>
      <c r="H62" s="5"/>
    </row>
    <row r="63" spans="1:8" ht="12.95" customHeight="1">
      <c r="A63" s="78"/>
      <c r="B63" s="50"/>
      <c r="C63" s="38"/>
      <c r="D63" s="63"/>
      <c r="E63" s="51"/>
      <c r="F63" s="63"/>
      <c r="G63" s="57"/>
      <c r="H63" s="18"/>
    </row>
    <row r="64" spans="1:8" ht="0.95" customHeight="1">
      <c r="B64" s="19"/>
      <c r="C64" s="19"/>
      <c r="D64" s="19"/>
      <c r="E64" s="19"/>
      <c r="F64" s="67"/>
      <c r="G64" s="19"/>
      <c r="H64" s="19"/>
    </row>
    <row r="65" spans="1:8" s="1" customFormat="1" ht="18" customHeight="1">
      <c r="B65" s="79" t="s">
        <v>556</v>
      </c>
      <c r="C65" s="79"/>
      <c r="D65" s="79"/>
      <c r="E65" s="79"/>
      <c r="F65" s="79"/>
      <c r="G65" s="79"/>
      <c r="H65" s="80"/>
    </row>
    <row r="66" spans="1:8" ht="21" customHeight="1">
      <c r="A66" s="78"/>
      <c r="B66" s="207" t="s">
        <v>557</v>
      </c>
      <c r="C66" s="208"/>
      <c r="D66" s="208" t="s">
        <v>558</v>
      </c>
      <c r="E66" s="208"/>
      <c r="F66" s="208"/>
      <c r="G66" s="208" t="s">
        <v>559</v>
      </c>
      <c r="H66" s="209"/>
    </row>
    <row r="67" spans="1:8" ht="21" customHeight="1">
      <c r="A67" s="78"/>
      <c r="B67" s="105" t="s">
        <v>560</v>
      </c>
      <c r="C67" s="106" t="s">
        <v>561</v>
      </c>
      <c r="D67" s="106" t="s">
        <v>562</v>
      </c>
      <c r="E67" s="106" t="s">
        <v>563</v>
      </c>
      <c r="F67" s="106" t="s">
        <v>550</v>
      </c>
      <c r="G67" s="106" t="s">
        <v>551</v>
      </c>
      <c r="H67" s="107" t="s">
        <v>552</v>
      </c>
    </row>
    <row r="68" spans="1:8" ht="12.95" customHeight="1">
      <c r="A68" s="78" t="s">
        <v>7</v>
      </c>
      <c r="B68" s="108" t="s">
        <v>564</v>
      </c>
      <c r="C68" s="98" t="s">
        <v>7</v>
      </c>
      <c r="D68" s="52" t="s">
        <v>7</v>
      </c>
      <c r="E68" s="113" t="s">
        <v>554</v>
      </c>
      <c r="F68" s="124" t="s">
        <v>7</v>
      </c>
      <c r="G68" s="53" t="s">
        <v>7</v>
      </c>
      <c r="H68" s="90"/>
    </row>
    <row r="69" spans="1:8" ht="12.95" customHeight="1">
      <c r="A69" s="78" t="s">
        <v>7</v>
      </c>
      <c r="B69" s="108" t="s">
        <v>7</v>
      </c>
      <c r="C69" s="98" t="s">
        <v>7</v>
      </c>
      <c r="D69" s="52" t="s">
        <v>507</v>
      </c>
      <c r="E69" s="113" t="s">
        <v>7</v>
      </c>
      <c r="F69" s="52" t="s">
        <v>7</v>
      </c>
      <c r="G69" s="53"/>
      <c r="H69" s="90"/>
    </row>
    <row r="70" spans="1:8" ht="12.95" customHeight="1">
      <c r="A70" s="78" t="s">
        <v>7</v>
      </c>
      <c r="B70" s="109" t="s">
        <v>7</v>
      </c>
      <c r="C70" s="100" t="s">
        <v>7</v>
      </c>
      <c r="D70" s="60" t="s">
        <v>7</v>
      </c>
      <c r="E70" s="112" t="s">
        <v>508</v>
      </c>
      <c r="F70" s="126" t="s">
        <v>7</v>
      </c>
      <c r="G70" s="54"/>
      <c r="H70" s="91"/>
    </row>
    <row r="71" spans="1:8" ht="12.95" customHeight="1">
      <c r="A71" s="78" t="s">
        <v>7</v>
      </c>
      <c r="B71" s="108" t="s">
        <v>565</v>
      </c>
      <c r="C71" s="98" t="s">
        <v>7</v>
      </c>
      <c r="D71" s="52" t="s">
        <v>7</v>
      </c>
      <c r="E71" s="113" t="s">
        <v>554</v>
      </c>
      <c r="F71" s="124" t="s">
        <v>7</v>
      </c>
      <c r="G71" s="53"/>
      <c r="H71" s="90"/>
    </row>
    <row r="72" spans="1:8" ht="12.95" customHeight="1">
      <c r="A72" s="78" t="s">
        <v>7</v>
      </c>
      <c r="B72" s="108" t="s">
        <v>7</v>
      </c>
      <c r="C72" s="98" t="s">
        <v>7</v>
      </c>
      <c r="D72" s="52" t="s">
        <v>507</v>
      </c>
      <c r="E72" s="113" t="s">
        <v>7</v>
      </c>
      <c r="F72" s="52" t="s">
        <v>7</v>
      </c>
      <c r="G72" s="53"/>
      <c r="H72" s="90"/>
    </row>
    <row r="73" spans="1:8" ht="12.95" customHeight="1">
      <c r="A73" s="78" t="s">
        <v>7</v>
      </c>
      <c r="B73" s="109" t="s">
        <v>7</v>
      </c>
      <c r="C73" s="100" t="s">
        <v>7</v>
      </c>
      <c r="D73" s="60" t="s">
        <v>7</v>
      </c>
      <c r="E73" s="112" t="s">
        <v>508</v>
      </c>
      <c r="F73" s="126" t="s">
        <v>7</v>
      </c>
      <c r="G73" s="54"/>
      <c r="H73" s="91"/>
    </row>
    <row r="74" spans="1:8" ht="12.95" customHeight="1">
      <c r="A74" s="78" t="s">
        <v>7</v>
      </c>
      <c r="B74" s="108" t="s">
        <v>566</v>
      </c>
      <c r="C74" s="98" t="s">
        <v>7</v>
      </c>
      <c r="D74" s="52" t="s">
        <v>7</v>
      </c>
      <c r="E74" s="113" t="s">
        <v>554</v>
      </c>
      <c r="F74" s="124" t="s">
        <v>7</v>
      </c>
      <c r="G74" s="53"/>
      <c r="H74" s="90"/>
    </row>
    <row r="75" spans="1:8" ht="12.95" customHeight="1">
      <c r="A75" s="78" t="s">
        <v>7</v>
      </c>
      <c r="B75" s="108" t="s">
        <v>7</v>
      </c>
      <c r="C75" s="98" t="s">
        <v>7</v>
      </c>
      <c r="D75" s="52" t="s">
        <v>507</v>
      </c>
      <c r="E75" s="113" t="s">
        <v>7</v>
      </c>
      <c r="F75" s="52" t="s">
        <v>7</v>
      </c>
      <c r="G75" s="53"/>
      <c r="H75" s="90"/>
    </row>
    <row r="76" spans="1:8" ht="12.95" customHeight="1">
      <c r="A76" s="78" t="s">
        <v>7</v>
      </c>
      <c r="B76" s="109" t="s">
        <v>7</v>
      </c>
      <c r="C76" s="100" t="s">
        <v>7</v>
      </c>
      <c r="D76" s="60" t="s">
        <v>7</v>
      </c>
      <c r="E76" s="112" t="s">
        <v>508</v>
      </c>
      <c r="F76" s="126" t="s">
        <v>7</v>
      </c>
      <c r="G76" s="54"/>
      <c r="H76" s="91"/>
    </row>
    <row r="77" spans="1:8" ht="12.95" customHeight="1">
      <c r="A77" s="78" t="s">
        <v>7</v>
      </c>
      <c r="B77" s="108" t="s">
        <v>567</v>
      </c>
      <c r="C77" s="98" t="s">
        <v>7</v>
      </c>
      <c r="D77" s="52" t="s">
        <v>7</v>
      </c>
      <c r="E77" s="113" t="s">
        <v>554</v>
      </c>
      <c r="F77" s="124" t="s">
        <v>7</v>
      </c>
      <c r="G77" s="53"/>
      <c r="H77" s="90"/>
    </row>
    <row r="78" spans="1:8" ht="12.95" customHeight="1">
      <c r="A78" s="78" t="s">
        <v>7</v>
      </c>
      <c r="B78" s="108" t="s">
        <v>7</v>
      </c>
      <c r="C78" s="98" t="s">
        <v>7</v>
      </c>
      <c r="D78" s="52" t="s">
        <v>507</v>
      </c>
      <c r="E78" s="113" t="s">
        <v>7</v>
      </c>
      <c r="F78" s="52" t="s">
        <v>7</v>
      </c>
      <c r="G78" s="53"/>
      <c r="H78" s="90"/>
    </row>
    <row r="79" spans="1:8" ht="12.95" customHeight="1">
      <c r="A79" s="78" t="s">
        <v>7</v>
      </c>
      <c r="B79" s="109" t="s">
        <v>7</v>
      </c>
      <c r="C79" s="100" t="s">
        <v>7</v>
      </c>
      <c r="D79" s="60" t="s">
        <v>7</v>
      </c>
      <c r="E79" s="112" t="s">
        <v>508</v>
      </c>
      <c r="F79" s="126" t="s">
        <v>7</v>
      </c>
      <c r="G79" s="54"/>
      <c r="H79" s="91"/>
    </row>
    <row r="80" spans="1:8" ht="12.95" customHeight="1">
      <c r="A80" s="78" t="s">
        <v>7</v>
      </c>
      <c r="B80" s="108" t="s">
        <v>568</v>
      </c>
      <c r="C80" s="98" t="s">
        <v>7</v>
      </c>
      <c r="D80" s="52" t="s">
        <v>7</v>
      </c>
      <c r="E80" s="113" t="s">
        <v>554</v>
      </c>
      <c r="F80" s="124" t="s">
        <v>7</v>
      </c>
      <c r="G80" s="53"/>
      <c r="H80" s="90"/>
    </row>
    <row r="81" spans="1:8" ht="12.95" customHeight="1">
      <c r="A81" s="78" t="s">
        <v>7</v>
      </c>
      <c r="B81" s="108" t="s">
        <v>7</v>
      </c>
      <c r="C81" s="98" t="s">
        <v>7</v>
      </c>
      <c r="D81" s="52" t="s">
        <v>507</v>
      </c>
      <c r="E81" s="113" t="s">
        <v>7</v>
      </c>
      <c r="F81" s="52" t="s">
        <v>7</v>
      </c>
      <c r="G81" s="53"/>
      <c r="H81" s="90"/>
    </row>
    <row r="82" spans="1:8" ht="12.95" customHeight="1">
      <c r="A82" s="78" t="s">
        <v>7</v>
      </c>
      <c r="B82" s="109" t="s">
        <v>7</v>
      </c>
      <c r="C82" s="100" t="s">
        <v>7</v>
      </c>
      <c r="D82" s="60" t="s">
        <v>7</v>
      </c>
      <c r="E82" s="112" t="s">
        <v>508</v>
      </c>
      <c r="F82" s="126" t="s">
        <v>7</v>
      </c>
      <c r="G82" s="54"/>
      <c r="H82" s="91"/>
    </row>
    <row r="83" spans="1:8" ht="12.95" customHeight="1">
      <c r="A83" s="78" t="s">
        <v>7</v>
      </c>
      <c r="B83" s="110" t="s">
        <v>509</v>
      </c>
      <c r="C83" s="98" t="s">
        <v>7</v>
      </c>
      <c r="D83" s="52" t="s">
        <v>7</v>
      </c>
      <c r="E83" s="113" t="s">
        <v>7</v>
      </c>
      <c r="F83" s="52" t="s">
        <v>7</v>
      </c>
      <c r="G83" s="53"/>
      <c r="H83" s="90"/>
    </row>
    <row r="84" spans="1:8" ht="12.95" customHeight="1">
      <c r="A84" s="78" t="s">
        <v>7</v>
      </c>
      <c r="B84" s="108" t="s">
        <v>7</v>
      </c>
      <c r="C84" s="98" t="s">
        <v>7</v>
      </c>
      <c r="D84" s="52" t="s">
        <v>7</v>
      </c>
      <c r="E84" s="113" t="s">
        <v>7</v>
      </c>
      <c r="F84" s="52" t="s">
        <v>7</v>
      </c>
      <c r="G84" s="53"/>
      <c r="H84" s="90" t="s">
        <v>7</v>
      </c>
    </row>
    <row r="85" spans="1:8" ht="12.95" customHeight="1">
      <c r="A85" s="78" t="s">
        <v>7</v>
      </c>
      <c r="B85" s="109" t="s">
        <v>7</v>
      </c>
      <c r="C85" s="100" t="s">
        <v>7</v>
      </c>
      <c r="D85" s="60" t="s">
        <v>7</v>
      </c>
      <c r="E85" s="112" t="s">
        <v>7</v>
      </c>
      <c r="F85" s="60" t="s">
        <v>7</v>
      </c>
      <c r="G85" s="54"/>
      <c r="H85" s="91" t="s">
        <v>7</v>
      </c>
    </row>
    <row r="86" spans="1:8" ht="12.95" customHeight="1">
      <c r="A86" s="78"/>
      <c r="B86" s="45"/>
      <c r="C86" s="32"/>
      <c r="D86" s="61"/>
      <c r="E86" s="46"/>
      <c r="F86" s="61"/>
      <c r="G86" s="55"/>
      <c r="H86" s="12"/>
    </row>
    <row r="87" spans="1:8" ht="12.95" customHeight="1">
      <c r="A87" s="78"/>
      <c r="B87" s="40"/>
      <c r="C87" s="25"/>
      <c r="D87" s="52"/>
      <c r="E87" s="44"/>
      <c r="F87" s="52"/>
      <c r="G87" s="53"/>
      <c r="H87" s="5"/>
    </row>
    <row r="88" spans="1:8" ht="12.95" customHeight="1">
      <c r="A88" s="78"/>
      <c r="B88" s="42"/>
      <c r="C88" s="28"/>
      <c r="D88" s="60"/>
      <c r="E88" s="43"/>
      <c r="F88" s="60"/>
      <c r="G88" s="54"/>
      <c r="H88" s="8"/>
    </row>
    <row r="89" spans="1:8" ht="12.95" customHeight="1">
      <c r="A89" s="78"/>
      <c r="B89" s="45"/>
      <c r="C89" s="32"/>
      <c r="D89" s="61"/>
      <c r="E89" s="46"/>
      <c r="F89" s="61"/>
      <c r="G89" s="55"/>
      <c r="H89" s="12"/>
    </row>
    <row r="90" spans="1:8" ht="12.95" customHeight="1">
      <c r="A90" s="78"/>
      <c r="B90" s="40"/>
      <c r="C90" s="25"/>
      <c r="D90" s="52"/>
      <c r="E90" s="44"/>
      <c r="F90" s="52"/>
      <c r="G90" s="53"/>
      <c r="H90" s="5"/>
    </row>
    <row r="91" spans="1:8" ht="12.95" customHeight="1">
      <c r="A91" s="78"/>
      <c r="B91" s="42"/>
      <c r="C91" s="28"/>
      <c r="D91" s="60"/>
      <c r="E91" s="43"/>
      <c r="F91" s="60"/>
      <c r="G91" s="54"/>
      <c r="H91" s="8"/>
    </row>
    <row r="92" spans="1:8" ht="12.95" customHeight="1">
      <c r="A92" s="78"/>
      <c r="B92" s="45"/>
      <c r="C92" s="32"/>
      <c r="D92" s="61"/>
      <c r="E92" s="46"/>
      <c r="F92" s="61"/>
      <c r="G92" s="55"/>
      <c r="H92" s="12"/>
    </row>
    <row r="93" spans="1:8" ht="12.95" customHeight="1">
      <c r="A93" s="78"/>
      <c r="B93" s="40"/>
      <c r="C93" s="25"/>
      <c r="D93" s="52"/>
      <c r="E93" s="44"/>
      <c r="F93" s="52"/>
      <c r="G93" s="53"/>
      <c r="H93" s="5"/>
    </row>
    <row r="94" spans="1:8" ht="12.95" customHeight="1">
      <c r="A94" s="78"/>
      <c r="B94" s="42"/>
      <c r="C94" s="28"/>
      <c r="D94" s="60"/>
      <c r="E94" s="43"/>
      <c r="F94" s="60"/>
      <c r="G94" s="54"/>
      <c r="H94" s="8"/>
    </row>
    <row r="95" spans="1:8" ht="12.95" customHeight="1">
      <c r="A95" s="78"/>
      <c r="B95" s="45"/>
      <c r="C95" s="32"/>
      <c r="D95" s="61"/>
      <c r="E95" s="46"/>
      <c r="F95" s="61"/>
      <c r="G95" s="55"/>
      <c r="H95" s="12"/>
    </row>
    <row r="96" spans="1:8" ht="12.95" customHeight="1">
      <c r="A96" s="78"/>
      <c r="B96" s="40"/>
      <c r="C96" s="25"/>
      <c r="D96" s="52"/>
      <c r="E96" s="44"/>
      <c r="F96" s="52"/>
      <c r="G96" s="53"/>
      <c r="H96" s="5"/>
    </row>
    <row r="97" spans="1:8" ht="12.95" customHeight="1">
      <c r="A97" s="78"/>
      <c r="B97" s="42"/>
      <c r="C97" s="28"/>
      <c r="D97" s="60"/>
      <c r="E97" s="43"/>
      <c r="F97" s="60"/>
      <c r="G97" s="54"/>
      <c r="H97" s="8"/>
    </row>
    <row r="98" spans="1:8" ht="12.95" customHeight="1">
      <c r="A98" s="78"/>
      <c r="B98" s="45"/>
      <c r="C98" s="32"/>
      <c r="D98" s="61"/>
      <c r="E98" s="46"/>
      <c r="F98" s="61"/>
      <c r="G98" s="55"/>
      <c r="H98" s="12"/>
    </row>
    <row r="99" spans="1:8" ht="12.95" customHeight="1">
      <c r="A99" s="78"/>
      <c r="B99" s="40"/>
      <c r="C99" s="25"/>
      <c r="D99" s="52"/>
      <c r="E99" s="44"/>
      <c r="F99" s="52"/>
      <c r="G99" s="53"/>
      <c r="H99" s="5"/>
    </row>
    <row r="100" spans="1:8" ht="12.95" customHeight="1">
      <c r="A100" s="78"/>
      <c r="B100" s="42"/>
      <c r="C100" s="28"/>
      <c r="D100" s="60"/>
      <c r="E100" s="43"/>
      <c r="F100" s="60"/>
      <c r="G100" s="54"/>
      <c r="H100" s="8"/>
    </row>
    <row r="101" spans="1:8" ht="12.95" customHeight="1">
      <c r="A101" s="78"/>
      <c r="B101" s="45"/>
      <c r="C101" s="32"/>
      <c r="D101" s="61"/>
      <c r="E101" s="46"/>
      <c r="F101" s="61"/>
      <c r="G101" s="55"/>
      <c r="H101" s="12"/>
    </row>
    <row r="102" spans="1:8" ht="12.95" customHeight="1">
      <c r="A102" s="78"/>
      <c r="B102" s="40"/>
      <c r="C102" s="25"/>
      <c r="D102" s="52"/>
      <c r="E102" s="44"/>
      <c r="F102" s="52"/>
      <c r="G102" s="53"/>
      <c r="H102" s="5"/>
    </row>
    <row r="103" spans="1:8" ht="12.95" customHeight="1">
      <c r="A103" s="78"/>
      <c r="B103" s="42"/>
      <c r="C103" s="28"/>
      <c r="D103" s="60"/>
      <c r="E103" s="43"/>
      <c r="F103" s="60"/>
      <c r="G103" s="54"/>
      <c r="H103" s="8"/>
    </row>
    <row r="104" spans="1:8" ht="12.95" customHeight="1">
      <c r="A104" s="78"/>
      <c r="B104" s="45"/>
      <c r="C104" s="32"/>
      <c r="D104" s="61"/>
      <c r="E104" s="47"/>
      <c r="F104" s="65"/>
      <c r="G104" s="55"/>
      <c r="H104" s="12"/>
    </row>
    <row r="105" spans="1:8" ht="12.95" customHeight="1">
      <c r="A105" s="78"/>
      <c r="B105" s="40"/>
      <c r="C105" s="25"/>
      <c r="D105" s="52"/>
      <c r="E105" s="44"/>
      <c r="F105" s="52"/>
      <c r="G105" s="53"/>
      <c r="H105" s="5"/>
    </row>
    <row r="106" spans="1:8" ht="12.95" customHeight="1">
      <c r="A106" s="78"/>
      <c r="B106" s="42"/>
      <c r="C106" s="28"/>
      <c r="D106" s="60"/>
      <c r="E106" s="43"/>
      <c r="F106" s="60"/>
      <c r="G106" s="54"/>
      <c r="H106" s="8"/>
    </row>
    <row r="107" spans="1:8" ht="12.95" customHeight="1">
      <c r="A107" s="78"/>
      <c r="B107" s="45"/>
      <c r="C107" s="32"/>
      <c r="D107" s="61"/>
      <c r="E107" s="46"/>
      <c r="F107" s="61"/>
      <c r="G107" s="55"/>
      <c r="H107" s="12"/>
    </row>
    <row r="108" spans="1:8" ht="12.95" customHeight="1">
      <c r="A108" s="78"/>
      <c r="B108" s="40"/>
      <c r="C108" s="25"/>
      <c r="D108" s="52"/>
      <c r="E108" s="44"/>
      <c r="F108" s="52"/>
      <c r="G108" s="53"/>
      <c r="H108" s="5"/>
    </row>
    <row r="109" spans="1:8" ht="12.95" customHeight="1">
      <c r="A109" s="78"/>
      <c r="B109" s="42"/>
      <c r="C109" s="28"/>
      <c r="D109" s="60"/>
      <c r="E109" s="43"/>
      <c r="F109" s="60"/>
      <c r="G109" s="54"/>
      <c r="H109" s="8"/>
    </row>
    <row r="110" spans="1:8" ht="12.95" customHeight="1">
      <c r="A110" s="78"/>
      <c r="B110" s="45"/>
      <c r="C110" s="32"/>
      <c r="D110" s="61"/>
      <c r="E110" s="46"/>
      <c r="F110" s="61"/>
      <c r="G110" s="55"/>
      <c r="H110" s="12"/>
    </row>
    <row r="111" spans="1:8" ht="12.95" customHeight="1">
      <c r="A111" s="78"/>
      <c r="B111" s="40"/>
      <c r="C111" s="25"/>
      <c r="D111" s="52"/>
      <c r="E111" s="44"/>
      <c r="F111" s="52"/>
      <c r="G111" s="53"/>
      <c r="H111" s="5"/>
    </row>
    <row r="112" spans="1:8" ht="12.95" customHeight="1">
      <c r="A112" s="78"/>
      <c r="B112" s="42"/>
      <c r="C112" s="28"/>
      <c r="D112" s="60"/>
      <c r="E112" s="43"/>
      <c r="F112" s="60"/>
      <c r="G112" s="54"/>
      <c r="H112" s="8"/>
    </row>
    <row r="113" spans="1:8" ht="12.95" customHeight="1">
      <c r="A113" s="78"/>
      <c r="B113" s="45"/>
      <c r="C113" s="32"/>
      <c r="D113" s="61"/>
      <c r="E113" s="46"/>
      <c r="F113" s="61"/>
      <c r="G113" s="55"/>
      <c r="H113" s="12"/>
    </row>
    <row r="114" spans="1:8" ht="12.95" customHeight="1">
      <c r="A114" s="78"/>
      <c r="B114" s="40"/>
      <c r="C114" s="25"/>
      <c r="D114" s="52"/>
      <c r="E114" s="41"/>
      <c r="F114" s="64"/>
      <c r="G114" s="53"/>
      <c r="H114" s="5"/>
    </row>
    <row r="115" spans="1:8" ht="12.95" customHeight="1">
      <c r="A115" s="78"/>
      <c r="B115" s="42"/>
      <c r="C115" s="28"/>
      <c r="D115" s="60"/>
      <c r="E115" s="43"/>
      <c r="F115" s="60"/>
      <c r="G115" s="54"/>
      <c r="H115" s="8"/>
    </row>
    <row r="116" spans="1:8" ht="12.95" customHeight="1">
      <c r="A116" s="78"/>
      <c r="B116" s="45"/>
      <c r="C116" s="32"/>
      <c r="D116" s="61"/>
      <c r="E116" s="46"/>
      <c r="F116" s="61"/>
      <c r="G116" s="55"/>
      <c r="H116" s="12"/>
    </row>
    <row r="117" spans="1:8" ht="12.95" customHeight="1">
      <c r="A117" s="78"/>
      <c r="B117" s="40"/>
      <c r="C117" s="25"/>
      <c r="D117" s="52"/>
      <c r="E117" s="44"/>
      <c r="F117" s="52"/>
      <c r="G117" s="53"/>
      <c r="H117" s="5"/>
    </row>
    <row r="118" spans="1:8" ht="12.95" customHeight="1">
      <c r="A118" s="78"/>
      <c r="B118" s="42"/>
      <c r="C118" s="28"/>
      <c r="D118" s="60"/>
      <c r="E118" s="43"/>
      <c r="F118" s="60"/>
      <c r="G118" s="54"/>
      <c r="H118" s="8"/>
    </row>
    <row r="119" spans="1:8" ht="12.95" customHeight="1">
      <c r="A119" s="78"/>
      <c r="B119" s="45"/>
      <c r="C119" s="32"/>
      <c r="D119" s="61"/>
      <c r="E119" s="46"/>
      <c r="F119" s="61"/>
      <c r="G119" s="55"/>
      <c r="H119" s="12"/>
    </row>
    <row r="120" spans="1:8" ht="12.95" customHeight="1">
      <c r="A120" s="78"/>
      <c r="B120" s="40"/>
      <c r="C120" s="25"/>
      <c r="D120" s="52"/>
      <c r="E120" s="44"/>
      <c r="F120" s="52"/>
      <c r="G120" s="53"/>
      <c r="H120" s="5"/>
    </row>
    <row r="121" spans="1:8" ht="12.95" customHeight="1">
      <c r="A121" s="78"/>
      <c r="B121" s="42"/>
      <c r="C121" s="28"/>
      <c r="D121" s="60"/>
      <c r="E121" s="43"/>
      <c r="F121" s="60"/>
      <c r="G121" s="54"/>
      <c r="H121" s="8"/>
    </row>
    <row r="122" spans="1:8" ht="12.95" customHeight="1">
      <c r="A122" s="78"/>
      <c r="B122" s="45"/>
      <c r="C122" s="32"/>
      <c r="D122" s="61"/>
      <c r="E122" s="46"/>
      <c r="F122" s="61"/>
      <c r="G122" s="55"/>
      <c r="H122" s="12"/>
    </row>
    <row r="123" spans="1:8" ht="12.95" customHeight="1">
      <c r="A123" s="78"/>
      <c r="B123" s="40"/>
      <c r="C123" s="25"/>
      <c r="D123" s="52"/>
      <c r="E123" s="44"/>
      <c r="F123" s="52"/>
      <c r="G123" s="53"/>
      <c r="H123" s="5"/>
    </row>
    <row r="124" spans="1:8" ht="12.95" customHeight="1">
      <c r="A124" s="78"/>
      <c r="B124" s="42"/>
      <c r="C124" s="28"/>
      <c r="D124" s="60"/>
      <c r="E124" s="48"/>
      <c r="F124" s="66"/>
      <c r="G124" s="54"/>
      <c r="H124" s="8"/>
    </row>
    <row r="125" spans="1:8" ht="12.95" customHeight="1">
      <c r="A125" s="78"/>
      <c r="B125" s="45"/>
      <c r="C125" s="32"/>
      <c r="D125" s="61"/>
      <c r="E125" s="46"/>
      <c r="F125" s="61"/>
      <c r="G125" s="55"/>
      <c r="H125" s="12"/>
    </row>
    <row r="126" spans="1:8" ht="12.95" customHeight="1">
      <c r="A126" s="78"/>
      <c r="B126" s="40"/>
      <c r="C126" s="25"/>
      <c r="D126" s="62"/>
      <c r="E126" s="44"/>
      <c r="F126" s="62"/>
      <c r="G126" s="53"/>
      <c r="H126" s="5"/>
    </row>
    <row r="127" spans="1:8" ht="12.95" customHeight="1">
      <c r="A127" s="78"/>
      <c r="B127" s="50"/>
      <c r="C127" s="38"/>
      <c r="D127" s="63"/>
      <c r="E127" s="51"/>
      <c r="F127" s="63"/>
      <c r="G127" s="57"/>
      <c r="H127" s="18"/>
    </row>
    <row r="128" spans="1:8" ht="0.95" customHeight="1">
      <c r="B128" s="19"/>
      <c r="C128" s="19"/>
      <c r="D128" s="19"/>
      <c r="E128" s="19"/>
      <c r="F128" s="67"/>
      <c r="G128" s="19"/>
      <c r="H128" s="19"/>
    </row>
    <row r="129" spans="1:8" s="1" customFormat="1" ht="18" customHeight="1">
      <c r="B129" s="79" t="s">
        <v>556</v>
      </c>
      <c r="C129" s="79"/>
      <c r="D129" s="79"/>
      <c r="E129" s="79"/>
      <c r="F129" s="79"/>
      <c r="G129" s="79"/>
      <c r="H129" s="80"/>
    </row>
    <row r="130" spans="1:8" ht="21" customHeight="1">
      <c r="A130" s="78"/>
      <c r="B130" s="207" t="s">
        <v>557</v>
      </c>
      <c r="C130" s="208"/>
      <c r="D130" s="208" t="s">
        <v>569</v>
      </c>
      <c r="E130" s="208"/>
      <c r="F130" s="208"/>
      <c r="G130" s="208" t="s">
        <v>570</v>
      </c>
      <c r="H130" s="209"/>
    </row>
    <row r="131" spans="1:8" ht="21" customHeight="1">
      <c r="A131" s="78"/>
      <c r="B131" s="105" t="s">
        <v>560</v>
      </c>
      <c r="C131" s="106" t="s">
        <v>561</v>
      </c>
      <c r="D131" s="106" t="s">
        <v>562</v>
      </c>
      <c r="E131" s="106" t="s">
        <v>563</v>
      </c>
      <c r="F131" s="106" t="s">
        <v>550</v>
      </c>
      <c r="G131" s="106" t="s">
        <v>551</v>
      </c>
      <c r="H131" s="107" t="s">
        <v>552</v>
      </c>
    </row>
    <row r="132" spans="1:8" ht="12.95" customHeight="1">
      <c r="A132" s="78" t="s">
        <v>7</v>
      </c>
      <c r="B132" s="108" t="s">
        <v>571</v>
      </c>
      <c r="C132" s="98" t="s">
        <v>572</v>
      </c>
      <c r="D132" s="52" t="s">
        <v>7</v>
      </c>
      <c r="E132" s="113" t="s">
        <v>554</v>
      </c>
      <c r="F132" s="124" t="s">
        <v>7</v>
      </c>
      <c r="G132" s="53" t="s">
        <v>7</v>
      </c>
      <c r="H132" s="90"/>
    </row>
    <row r="133" spans="1:8" ht="12.95" customHeight="1">
      <c r="A133" s="78" t="s">
        <v>7</v>
      </c>
      <c r="B133" s="108" t="s">
        <v>573</v>
      </c>
      <c r="C133" s="98" t="s">
        <v>7</v>
      </c>
      <c r="D133" s="52" t="s">
        <v>507</v>
      </c>
      <c r="E133" s="113" t="s">
        <v>7</v>
      </c>
      <c r="F133" s="52"/>
      <c r="G133" s="53"/>
      <c r="H133" s="90"/>
    </row>
    <row r="134" spans="1:8" ht="12.95" customHeight="1">
      <c r="A134" s="78" t="s">
        <v>7</v>
      </c>
      <c r="B134" s="109" t="s">
        <v>7</v>
      </c>
      <c r="C134" s="100" t="s">
        <v>7</v>
      </c>
      <c r="D134" s="60" t="s">
        <v>7</v>
      </c>
      <c r="E134" s="112" t="s">
        <v>574</v>
      </c>
      <c r="F134" s="126"/>
      <c r="G134" s="54"/>
      <c r="H134" s="91"/>
    </row>
    <row r="135" spans="1:8" ht="12.95" customHeight="1">
      <c r="A135" s="78" t="s">
        <v>7</v>
      </c>
      <c r="B135" s="108" t="s">
        <v>575</v>
      </c>
      <c r="C135" s="98" t="s">
        <v>576</v>
      </c>
      <c r="D135" s="52" t="s">
        <v>7</v>
      </c>
      <c r="E135" s="113" t="s">
        <v>554</v>
      </c>
      <c r="F135" s="124"/>
      <c r="G135" s="53"/>
      <c r="H135" s="90"/>
    </row>
    <row r="136" spans="1:8" ht="12.95" customHeight="1">
      <c r="A136" s="78" t="s">
        <v>7</v>
      </c>
      <c r="B136" s="108" t="s">
        <v>7</v>
      </c>
      <c r="C136" s="98" t="s">
        <v>577</v>
      </c>
      <c r="D136" s="52" t="s">
        <v>507</v>
      </c>
      <c r="E136" s="113" t="s">
        <v>7</v>
      </c>
      <c r="F136" s="52"/>
      <c r="G136" s="53"/>
      <c r="H136" s="90"/>
    </row>
    <row r="137" spans="1:8" ht="12.95" customHeight="1">
      <c r="A137" s="78" t="s">
        <v>7</v>
      </c>
      <c r="B137" s="109" t="s">
        <v>7</v>
      </c>
      <c r="C137" s="100" t="s">
        <v>7</v>
      </c>
      <c r="D137" s="60" t="s">
        <v>7</v>
      </c>
      <c r="E137" s="112" t="s">
        <v>574</v>
      </c>
      <c r="F137" s="126"/>
      <c r="G137" s="54"/>
      <c r="H137" s="91"/>
    </row>
    <row r="138" spans="1:8" ht="12.95" customHeight="1">
      <c r="A138" s="78" t="s">
        <v>7</v>
      </c>
      <c r="B138" s="108" t="s">
        <v>578</v>
      </c>
      <c r="C138" s="98" t="s">
        <v>579</v>
      </c>
      <c r="D138" s="52" t="s">
        <v>7</v>
      </c>
      <c r="E138" s="113" t="s">
        <v>554</v>
      </c>
      <c r="F138" s="124"/>
      <c r="G138" s="53"/>
      <c r="H138" s="90"/>
    </row>
    <row r="139" spans="1:8" ht="12.95" customHeight="1">
      <c r="A139" s="78" t="s">
        <v>7</v>
      </c>
      <c r="B139" s="108" t="s">
        <v>7</v>
      </c>
      <c r="C139" s="98" t="s">
        <v>580</v>
      </c>
      <c r="D139" s="52" t="s">
        <v>507</v>
      </c>
      <c r="E139" s="113" t="s">
        <v>7</v>
      </c>
      <c r="F139" s="52"/>
      <c r="G139" s="53"/>
      <c r="H139" s="90"/>
    </row>
    <row r="140" spans="1:8" ht="12.95" customHeight="1">
      <c r="A140" s="78" t="s">
        <v>7</v>
      </c>
      <c r="B140" s="109" t="s">
        <v>7</v>
      </c>
      <c r="C140" s="100" t="s">
        <v>7</v>
      </c>
      <c r="D140" s="60" t="s">
        <v>7</v>
      </c>
      <c r="E140" s="112" t="s">
        <v>574</v>
      </c>
      <c r="F140" s="126"/>
      <c r="G140" s="54"/>
      <c r="H140" s="91"/>
    </row>
    <row r="141" spans="1:8" ht="12.95" customHeight="1">
      <c r="A141" s="78" t="s">
        <v>7</v>
      </c>
      <c r="B141" s="108" t="s">
        <v>581</v>
      </c>
      <c r="C141" s="98" t="s">
        <v>7</v>
      </c>
      <c r="D141" s="52" t="s">
        <v>7</v>
      </c>
      <c r="E141" s="113" t="s">
        <v>554</v>
      </c>
      <c r="F141" s="124"/>
      <c r="G141" s="53"/>
      <c r="H141" s="90"/>
    </row>
    <row r="142" spans="1:8" ht="12.95" customHeight="1">
      <c r="A142" s="78" t="s">
        <v>7</v>
      </c>
      <c r="B142" s="108" t="s">
        <v>7</v>
      </c>
      <c r="C142" s="98" t="s">
        <v>7</v>
      </c>
      <c r="D142" s="52" t="s">
        <v>507</v>
      </c>
      <c r="E142" s="113" t="s">
        <v>7</v>
      </c>
      <c r="F142" s="52"/>
      <c r="G142" s="53"/>
      <c r="H142" s="90"/>
    </row>
    <row r="143" spans="1:8" ht="12.95" customHeight="1">
      <c r="A143" s="78" t="s">
        <v>7</v>
      </c>
      <c r="B143" s="109" t="s">
        <v>7</v>
      </c>
      <c r="C143" s="100" t="s">
        <v>7</v>
      </c>
      <c r="D143" s="60" t="s">
        <v>7</v>
      </c>
      <c r="E143" s="112" t="s">
        <v>508</v>
      </c>
      <c r="F143" s="126" t="s">
        <v>7</v>
      </c>
      <c r="G143" s="54"/>
      <c r="H143" s="91"/>
    </row>
    <row r="144" spans="1:8" ht="12.95" customHeight="1">
      <c r="A144" s="78" t="s">
        <v>7</v>
      </c>
      <c r="B144" s="110" t="s">
        <v>509</v>
      </c>
      <c r="C144" s="98" t="s">
        <v>7</v>
      </c>
      <c r="D144" s="52" t="s">
        <v>7</v>
      </c>
      <c r="E144" s="113" t="s">
        <v>7</v>
      </c>
      <c r="F144" s="52" t="s">
        <v>7</v>
      </c>
      <c r="G144" s="53" t="s">
        <v>7</v>
      </c>
      <c r="H144" s="90" t="s">
        <v>7</v>
      </c>
    </row>
    <row r="145" spans="1:8" ht="12.95" customHeight="1">
      <c r="A145" s="78" t="s">
        <v>7</v>
      </c>
      <c r="B145" s="108" t="s">
        <v>7</v>
      </c>
      <c r="C145" s="98" t="s">
        <v>7</v>
      </c>
      <c r="D145" s="52" t="s">
        <v>7</v>
      </c>
      <c r="E145" s="113" t="s">
        <v>7</v>
      </c>
      <c r="F145" s="52" t="s">
        <v>7</v>
      </c>
      <c r="G145" s="53"/>
      <c r="H145" s="90" t="s">
        <v>7</v>
      </c>
    </row>
    <row r="146" spans="1:8" ht="12.95" customHeight="1">
      <c r="A146" s="78" t="s">
        <v>7</v>
      </c>
      <c r="B146" s="109" t="s">
        <v>7</v>
      </c>
      <c r="C146" s="100" t="s">
        <v>7</v>
      </c>
      <c r="D146" s="60" t="s">
        <v>7</v>
      </c>
      <c r="E146" s="112" t="s">
        <v>7</v>
      </c>
      <c r="F146" s="60" t="s">
        <v>7</v>
      </c>
      <c r="G146" s="54" t="s">
        <v>7</v>
      </c>
      <c r="H146" s="91" t="s">
        <v>7</v>
      </c>
    </row>
    <row r="147" spans="1:8" ht="12.95" customHeight="1">
      <c r="A147" s="78"/>
      <c r="B147" s="45"/>
      <c r="C147" s="32"/>
      <c r="D147" s="61"/>
      <c r="E147" s="46"/>
      <c r="F147" s="61"/>
      <c r="G147" s="55"/>
      <c r="H147" s="12"/>
    </row>
    <row r="148" spans="1:8" ht="12.95" customHeight="1">
      <c r="A148" s="78"/>
      <c r="B148" s="40"/>
      <c r="C148" s="25"/>
      <c r="D148" s="52"/>
      <c r="E148" s="44"/>
      <c r="F148" s="52"/>
      <c r="G148" s="53"/>
      <c r="H148" s="5"/>
    </row>
    <row r="149" spans="1:8" ht="12.95" customHeight="1">
      <c r="A149" s="78"/>
      <c r="B149" s="42"/>
      <c r="C149" s="28"/>
      <c r="D149" s="60"/>
      <c r="E149" s="43"/>
      <c r="F149" s="60"/>
      <c r="G149" s="54"/>
      <c r="H149" s="8"/>
    </row>
    <row r="150" spans="1:8" ht="12.95" customHeight="1">
      <c r="A150" s="78"/>
      <c r="B150" s="45"/>
      <c r="C150" s="32"/>
      <c r="D150" s="61"/>
      <c r="E150" s="46"/>
      <c r="F150" s="61"/>
      <c r="G150" s="55"/>
      <c r="H150" s="12"/>
    </row>
    <row r="151" spans="1:8" ht="12.95" customHeight="1">
      <c r="A151" s="78"/>
      <c r="B151" s="40"/>
      <c r="C151" s="25"/>
      <c r="D151" s="52"/>
      <c r="E151" s="44"/>
      <c r="F151" s="52"/>
      <c r="G151" s="53"/>
      <c r="H151" s="5"/>
    </row>
    <row r="152" spans="1:8" ht="12.95" customHeight="1">
      <c r="A152" s="78"/>
      <c r="B152" s="42"/>
      <c r="C152" s="28"/>
      <c r="D152" s="60"/>
      <c r="E152" s="43"/>
      <c r="F152" s="60"/>
      <c r="G152" s="54"/>
      <c r="H152" s="8"/>
    </row>
    <row r="153" spans="1:8" ht="12.95" customHeight="1">
      <c r="A153" s="78"/>
      <c r="B153" s="45"/>
      <c r="C153" s="32"/>
      <c r="D153" s="61"/>
      <c r="E153" s="46"/>
      <c r="F153" s="61"/>
      <c r="G153" s="55"/>
      <c r="H153" s="12"/>
    </row>
    <row r="154" spans="1:8" ht="12.95" customHeight="1">
      <c r="A154" s="78"/>
      <c r="B154" s="40"/>
      <c r="C154" s="25"/>
      <c r="D154" s="52"/>
      <c r="E154" s="44"/>
      <c r="F154" s="52"/>
      <c r="G154" s="53"/>
      <c r="H154" s="5"/>
    </row>
    <row r="155" spans="1:8" ht="12.95" customHeight="1">
      <c r="A155" s="78"/>
      <c r="B155" s="42"/>
      <c r="C155" s="28"/>
      <c r="D155" s="60"/>
      <c r="E155" s="43"/>
      <c r="F155" s="60"/>
      <c r="G155" s="54"/>
      <c r="H155" s="8"/>
    </row>
    <row r="156" spans="1:8" ht="12.95" customHeight="1">
      <c r="A156" s="78"/>
      <c r="B156" s="45"/>
      <c r="C156" s="32"/>
      <c r="D156" s="61"/>
      <c r="E156" s="46"/>
      <c r="F156" s="61"/>
      <c r="G156" s="55"/>
      <c r="H156" s="12"/>
    </row>
    <row r="157" spans="1:8" ht="12.95" customHeight="1">
      <c r="A157" s="78"/>
      <c r="B157" s="40"/>
      <c r="C157" s="25"/>
      <c r="D157" s="52"/>
      <c r="E157" s="44"/>
      <c r="F157" s="52"/>
      <c r="G157" s="53"/>
      <c r="H157" s="5"/>
    </row>
    <row r="158" spans="1:8" ht="12.95" customHeight="1">
      <c r="A158" s="78"/>
      <c r="B158" s="42"/>
      <c r="C158" s="28"/>
      <c r="D158" s="60"/>
      <c r="E158" s="43"/>
      <c r="F158" s="60"/>
      <c r="G158" s="54"/>
      <c r="H158" s="8"/>
    </row>
    <row r="159" spans="1:8" ht="12.95" customHeight="1">
      <c r="A159" s="78"/>
      <c r="B159" s="45"/>
      <c r="C159" s="32"/>
      <c r="D159" s="61"/>
      <c r="E159" s="46"/>
      <c r="F159" s="61"/>
      <c r="G159" s="55"/>
      <c r="H159" s="12"/>
    </row>
    <row r="160" spans="1:8" ht="12.95" customHeight="1">
      <c r="A160" s="78"/>
      <c r="B160" s="40"/>
      <c r="C160" s="25"/>
      <c r="D160" s="52"/>
      <c r="E160" s="44"/>
      <c r="F160" s="52"/>
      <c r="G160" s="53"/>
      <c r="H160" s="5"/>
    </row>
    <row r="161" spans="1:8" ht="12.95" customHeight="1">
      <c r="A161" s="78"/>
      <c r="B161" s="42"/>
      <c r="C161" s="28"/>
      <c r="D161" s="60"/>
      <c r="E161" s="43"/>
      <c r="F161" s="60"/>
      <c r="G161" s="54"/>
      <c r="H161" s="8"/>
    </row>
    <row r="162" spans="1:8" ht="12.95" customHeight="1">
      <c r="A162" s="78"/>
      <c r="B162" s="45"/>
      <c r="C162" s="32"/>
      <c r="D162" s="61"/>
      <c r="E162" s="46"/>
      <c r="F162" s="61"/>
      <c r="G162" s="55"/>
      <c r="H162" s="12"/>
    </row>
    <row r="163" spans="1:8" ht="12.95" customHeight="1">
      <c r="A163" s="78"/>
      <c r="B163" s="40"/>
      <c r="C163" s="25"/>
      <c r="D163" s="52"/>
      <c r="E163" s="44"/>
      <c r="F163" s="52"/>
      <c r="G163" s="53"/>
      <c r="H163" s="5"/>
    </row>
    <row r="164" spans="1:8" ht="12.95" customHeight="1">
      <c r="A164" s="78"/>
      <c r="B164" s="42"/>
      <c r="C164" s="28"/>
      <c r="D164" s="60"/>
      <c r="E164" s="43"/>
      <c r="F164" s="60"/>
      <c r="G164" s="54"/>
      <c r="H164" s="8"/>
    </row>
    <row r="165" spans="1:8" ht="12.95" customHeight="1">
      <c r="A165" s="78"/>
      <c r="B165" s="45"/>
      <c r="C165" s="32"/>
      <c r="D165" s="61"/>
      <c r="E165" s="46"/>
      <c r="F165" s="61"/>
      <c r="G165" s="55"/>
      <c r="H165" s="12"/>
    </row>
    <row r="166" spans="1:8" ht="12.95" customHeight="1">
      <c r="A166" s="78"/>
      <c r="B166" s="40"/>
      <c r="C166" s="25"/>
      <c r="D166" s="52"/>
      <c r="E166" s="44"/>
      <c r="F166" s="52"/>
      <c r="G166" s="53"/>
      <c r="H166" s="5"/>
    </row>
    <row r="167" spans="1:8" ht="12.95" customHeight="1">
      <c r="A167" s="78"/>
      <c r="B167" s="42"/>
      <c r="C167" s="28"/>
      <c r="D167" s="60"/>
      <c r="E167" s="43"/>
      <c r="F167" s="60"/>
      <c r="G167" s="54"/>
      <c r="H167" s="8"/>
    </row>
    <row r="168" spans="1:8" ht="12.95" customHeight="1">
      <c r="A168" s="78"/>
      <c r="B168" s="45"/>
      <c r="C168" s="32"/>
      <c r="D168" s="61"/>
      <c r="E168" s="47"/>
      <c r="F168" s="65"/>
      <c r="G168" s="55"/>
      <c r="H168" s="12"/>
    </row>
    <row r="169" spans="1:8" ht="12.95" customHeight="1">
      <c r="A169" s="78"/>
      <c r="B169" s="40"/>
      <c r="C169" s="25"/>
      <c r="D169" s="52"/>
      <c r="E169" s="44"/>
      <c r="F169" s="52"/>
      <c r="G169" s="53"/>
      <c r="H169" s="5"/>
    </row>
    <row r="170" spans="1:8" ht="12.95" customHeight="1">
      <c r="A170" s="78"/>
      <c r="B170" s="42"/>
      <c r="C170" s="28"/>
      <c r="D170" s="60"/>
      <c r="E170" s="43"/>
      <c r="F170" s="60"/>
      <c r="G170" s="54"/>
      <c r="H170" s="8"/>
    </row>
    <row r="171" spans="1:8" ht="12.95" customHeight="1">
      <c r="A171" s="78"/>
      <c r="B171" s="45"/>
      <c r="C171" s="32"/>
      <c r="D171" s="61"/>
      <c r="E171" s="46"/>
      <c r="F171" s="61"/>
      <c r="G171" s="55"/>
      <c r="H171" s="12"/>
    </row>
    <row r="172" spans="1:8" ht="12.95" customHeight="1">
      <c r="A172" s="78"/>
      <c r="B172" s="40"/>
      <c r="C172" s="25"/>
      <c r="D172" s="52"/>
      <c r="E172" s="44"/>
      <c r="F172" s="52"/>
      <c r="G172" s="53"/>
      <c r="H172" s="5"/>
    </row>
    <row r="173" spans="1:8" ht="12.95" customHeight="1">
      <c r="A173" s="78"/>
      <c r="B173" s="42"/>
      <c r="C173" s="28"/>
      <c r="D173" s="60"/>
      <c r="E173" s="43"/>
      <c r="F173" s="60"/>
      <c r="G173" s="54"/>
      <c r="H173" s="8"/>
    </row>
    <row r="174" spans="1:8" ht="12.95" customHeight="1">
      <c r="A174" s="78"/>
      <c r="B174" s="45"/>
      <c r="C174" s="32"/>
      <c r="D174" s="61"/>
      <c r="E174" s="46"/>
      <c r="F174" s="61"/>
      <c r="G174" s="55"/>
      <c r="H174" s="12"/>
    </row>
    <row r="175" spans="1:8" ht="12.95" customHeight="1">
      <c r="A175" s="78"/>
      <c r="B175" s="40"/>
      <c r="C175" s="25"/>
      <c r="D175" s="52"/>
      <c r="E175" s="44"/>
      <c r="F175" s="52"/>
      <c r="G175" s="53"/>
      <c r="H175" s="5"/>
    </row>
    <row r="176" spans="1:8" ht="12.95" customHeight="1">
      <c r="A176" s="78"/>
      <c r="B176" s="42"/>
      <c r="C176" s="28"/>
      <c r="D176" s="60"/>
      <c r="E176" s="43"/>
      <c r="F176" s="60"/>
      <c r="G176" s="54"/>
      <c r="H176" s="8"/>
    </row>
    <row r="177" spans="1:8" ht="12.95" customHeight="1">
      <c r="A177" s="78"/>
      <c r="B177" s="45"/>
      <c r="C177" s="32"/>
      <c r="D177" s="61"/>
      <c r="E177" s="46"/>
      <c r="F177" s="61"/>
      <c r="G177" s="55"/>
      <c r="H177" s="12"/>
    </row>
    <row r="178" spans="1:8" ht="12.95" customHeight="1">
      <c r="A178" s="78"/>
      <c r="B178" s="40"/>
      <c r="C178" s="25"/>
      <c r="D178" s="52"/>
      <c r="E178" s="41"/>
      <c r="F178" s="64"/>
      <c r="G178" s="53"/>
      <c r="H178" s="5"/>
    </row>
    <row r="179" spans="1:8" ht="12.95" customHeight="1">
      <c r="A179" s="78"/>
      <c r="B179" s="42"/>
      <c r="C179" s="28"/>
      <c r="D179" s="60"/>
      <c r="E179" s="43"/>
      <c r="F179" s="60"/>
      <c r="G179" s="54"/>
      <c r="H179" s="8"/>
    </row>
    <row r="180" spans="1:8" ht="12.95" customHeight="1">
      <c r="A180" s="78"/>
      <c r="B180" s="45"/>
      <c r="C180" s="32"/>
      <c r="D180" s="61"/>
      <c r="E180" s="46"/>
      <c r="F180" s="61"/>
      <c r="G180" s="55"/>
      <c r="H180" s="12"/>
    </row>
    <row r="181" spans="1:8" ht="12.95" customHeight="1">
      <c r="A181" s="78"/>
      <c r="B181" s="40"/>
      <c r="C181" s="25"/>
      <c r="D181" s="52"/>
      <c r="E181" s="44"/>
      <c r="F181" s="52"/>
      <c r="G181" s="53"/>
      <c r="H181" s="5"/>
    </row>
    <row r="182" spans="1:8" ht="12.95" customHeight="1">
      <c r="A182" s="78"/>
      <c r="B182" s="42"/>
      <c r="C182" s="28"/>
      <c r="D182" s="60"/>
      <c r="E182" s="43"/>
      <c r="F182" s="60"/>
      <c r="G182" s="54"/>
      <c r="H182" s="8"/>
    </row>
    <row r="183" spans="1:8" ht="12.95" customHeight="1">
      <c r="A183" s="78"/>
      <c r="B183" s="45"/>
      <c r="C183" s="32"/>
      <c r="D183" s="61"/>
      <c r="E183" s="46"/>
      <c r="F183" s="61"/>
      <c r="G183" s="55"/>
      <c r="H183" s="12"/>
    </row>
    <row r="184" spans="1:8" ht="12.95" customHeight="1">
      <c r="A184" s="78"/>
      <c r="B184" s="40"/>
      <c r="C184" s="25"/>
      <c r="D184" s="52"/>
      <c r="E184" s="44"/>
      <c r="F184" s="52"/>
      <c r="G184" s="53"/>
      <c r="H184" s="5"/>
    </row>
    <row r="185" spans="1:8" ht="12.95" customHeight="1">
      <c r="A185" s="78"/>
      <c r="B185" s="42"/>
      <c r="C185" s="28"/>
      <c r="D185" s="60"/>
      <c r="E185" s="43"/>
      <c r="F185" s="60"/>
      <c r="G185" s="54"/>
      <c r="H185" s="8"/>
    </row>
    <row r="186" spans="1:8" ht="12.95" customHeight="1">
      <c r="A186" s="78"/>
      <c r="B186" s="45"/>
      <c r="C186" s="32"/>
      <c r="D186" s="61"/>
      <c r="E186" s="46"/>
      <c r="F186" s="61"/>
      <c r="G186" s="55"/>
      <c r="H186" s="12"/>
    </row>
    <row r="187" spans="1:8" ht="12.95" customHeight="1">
      <c r="A187" s="78"/>
      <c r="B187" s="40"/>
      <c r="C187" s="25"/>
      <c r="D187" s="52"/>
      <c r="E187" s="44"/>
      <c r="F187" s="52"/>
      <c r="G187" s="53"/>
      <c r="H187" s="5"/>
    </row>
    <row r="188" spans="1:8" ht="12.95" customHeight="1">
      <c r="A188" s="78"/>
      <c r="B188" s="42"/>
      <c r="C188" s="28"/>
      <c r="D188" s="60"/>
      <c r="E188" s="48"/>
      <c r="F188" s="66"/>
      <c r="G188" s="54"/>
      <c r="H188" s="8"/>
    </row>
    <row r="189" spans="1:8" ht="12.95" customHeight="1">
      <c r="A189" s="78"/>
      <c r="B189" s="45"/>
      <c r="C189" s="32"/>
      <c r="D189" s="61"/>
      <c r="E189" s="46"/>
      <c r="F189" s="61"/>
      <c r="G189" s="55"/>
      <c r="H189" s="12"/>
    </row>
    <row r="190" spans="1:8" ht="12.95" customHeight="1">
      <c r="A190" s="78"/>
      <c r="B190" s="40"/>
      <c r="C190" s="25"/>
      <c r="D190" s="62"/>
      <c r="E190" s="44"/>
      <c r="F190" s="62"/>
      <c r="G190" s="53"/>
      <c r="H190" s="5"/>
    </row>
    <row r="191" spans="1:8" ht="12.95" customHeight="1">
      <c r="A191" s="78"/>
      <c r="B191" s="50"/>
      <c r="C191" s="38"/>
      <c r="D191" s="63"/>
      <c r="E191" s="51"/>
      <c r="F191" s="63"/>
      <c r="G191" s="57"/>
      <c r="H191" s="18"/>
    </row>
    <row r="192" spans="1:8" ht="0.95" customHeight="1">
      <c r="B192" s="19"/>
      <c r="C192" s="19"/>
      <c r="D192" s="19"/>
      <c r="E192" s="19"/>
      <c r="F192" s="67"/>
      <c r="G192" s="19"/>
      <c r="H192" s="19"/>
    </row>
    <row r="193" spans="1:8" s="1" customFormat="1" ht="18" customHeight="1">
      <c r="B193" s="79" t="s">
        <v>556</v>
      </c>
      <c r="C193" s="79"/>
      <c r="D193" s="79"/>
      <c r="E193" s="79"/>
      <c r="F193" s="79"/>
      <c r="G193" s="79"/>
      <c r="H193" s="80"/>
    </row>
    <row r="194" spans="1:8" ht="21" customHeight="1">
      <c r="A194" s="78"/>
      <c r="B194" s="207" t="s">
        <v>557</v>
      </c>
      <c r="C194" s="208"/>
      <c r="D194" s="208" t="s">
        <v>569</v>
      </c>
      <c r="E194" s="208"/>
      <c r="F194" s="208"/>
      <c r="G194" s="208" t="s">
        <v>582</v>
      </c>
      <c r="H194" s="209"/>
    </row>
    <row r="195" spans="1:8" ht="21" customHeight="1">
      <c r="A195" s="78"/>
      <c r="B195" s="105" t="s">
        <v>560</v>
      </c>
      <c r="C195" s="106" t="s">
        <v>561</v>
      </c>
      <c r="D195" s="106" t="s">
        <v>562</v>
      </c>
      <c r="E195" s="106" t="s">
        <v>563</v>
      </c>
      <c r="F195" s="106" t="s">
        <v>550</v>
      </c>
      <c r="G195" s="106" t="s">
        <v>551</v>
      </c>
      <c r="H195" s="107" t="s">
        <v>552</v>
      </c>
    </row>
    <row r="196" spans="1:8" ht="12.95" customHeight="1">
      <c r="A196" s="78" t="s">
        <v>7</v>
      </c>
      <c r="B196" s="108" t="s">
        <v>583</v>
      </c>
      <c r="C196" s="98" t="s">
        <v>7</v>
      </c>
      <c r="D196" s="52" t="s">
        <v>7</v>
      </c>
      <c r="E196" s="113" t="s">
        <v>554</v>
      </c>
      <c r="F196" s="124" t="s">
        <v>7</v>
      </c>
      <c r="G196" s="53"/>
      <c r="H196" s="90"/>
    </row>
    <row r="197" spans="1:8" ht="12.95" customHeight="1">
      <c r="A197" s="78" t="s">
        <v>7</v>
      </c>
      <c r="B197" s="108" t="s">
        <v>7</v>
      </c>
      <c r="C197" s="98" t="s">
        <v>7</v>
      </c>
      <c r="D197" s="52" t="s">
        <v>507</v>
      </c>
      <c r="E197" s="113" t="s">
        <v>7</v>
      </c>
      <c r="F197" s="52" t="s">
        <v>7</v>
      </c>
      <c r="G197" s="53"/>
      <c r="H197" s="90"/>
    </row>
    <row r="198" spans="1:8" ht="12.95" customHeight="1">
      <c r="A198" s="78" t="s">
        <v>7</v>
      </c>
      <c r="B198" s="109" t="s">
        <v>7</v>
      </c>
      <c r="C198" s="100" t="s">
        <v>7</v>
      </c>
      <c r="D198" s="60" t="s">
        <v>7</v>
      </c>
      <c r="E198" s="112" t="s">
        <v>508</v>
      </c>
      <c r="F198" s="126" t="s">
        <v>7</v>
      </c>
      <c r="G198" s="54"/>
      <c r="H198" s="91"/>
    </row>
    <row r="199" spans="1:8" ht="12.95" customHeight="1">
      <c r="A199" s="78" t="s">
        <v>7</v>
      </c>
      <c r="B199" s="108" t="s">
        <v>584</v>
      </c>
      <c r="C199" s="98" t="s">
        <v>7</v>
      </c>
      <c r="D199" s="52" t="s">
        <v>7</v>
      </c>
      <c r="E199" s="113" t="s">
        <v>554</v>
      </c>
      <c r="F199" s="124" t="s">
        <v>7</v>
      </c>
      <c r="G199" s="53"/>
      <c r="H199" s="90"/>
    </row>
    <row r="200" spans="1:8" ht="12.95" customHeight="1">
      <c r="A200" s="78" t="s">
        <v>7</v>
      </c>
      <c r="B200" s="108" t="s">
        <v>7</v>
      </c>
      <c r="C200" s="98" t="s">
        <v>7</v>
      </c>
      <c r="D200" s="52" t="s">
        <v>507</v>
      </c>
      <c r="E200" s="113" t="s">
        <v>7</v>
      </c>
      <c r="F200" s="52" t="s">
        <v>7</v>
      </c>
      <c r="G200" s="53"/>
      <c r="H200" s="90"/>
    </row>
    <row r="201" spans="1:8" ht="12.95" customHeight="1">
      <c r="A201" s="78" t="s">
        <v>7</v>
      </c>
      <c r="B201" s="109" t="s">
        <v>7</v>
      </c>
      <c r="C201" s="100" t="s">
        <v>7</v>
      </c>
      <c r="D201" s="60" t="s">
        <v>7</v>
      </c>
      <c r="E201" s="112" t="s">
        <v>508</v>
      </c>
      <c r="F201" s="126" t="s">
        <v>7</v>
      </c>
      <c r="G201" s="54"/>
      <c r="H201" s="91"/>
    </row>
    <row r="202" spans="1:8" ht="12.95" customHeight="1">
      <c r="A202" s="78" t="s">
        <v>7</v>
      </c>
      <c r="B202" s="108" t="s">
        <v>585</v>
      </c>
      <c r="C202" s="98" t="s">
        <v>7</v>
      </c>
      <c r="D202" s="52" t="s">
        <v>7</v>
      </c>
      <c r="E202" s="113" t="s">
        <v>554</v>
      </c>
      <c r="F202" s="124" t="s">
        <v>7</v>
      </c>
      <c r="G202" s="53"/>
      <c r="H202" s="90"/>
    </row>
    <row r="203" spans="1:8" ht="12.95" customHeight="1">
      <c r="A203" s="78" t="s">
        <v>7</v>
      </c>
      <c r="B203" s="108" t="s">
        <v>7</v>
      </c>
      <c r="C203" s="98" t="s">
        <v>7</v>
      </c>
      <c r="D203" s="52" t="s">
        <v>507</v>
      </c>
      <c r="E203" s="113" t="s">
        <v>7</v>
      </c>
      <c r="F203" s="52" t="s">
        <v>7</v>
      </c>
      <c r="G203" s="53"/>
      <c r="H203" s="90"/>
    </row>
    <row r="204" spans="1:8" ht="12.95" customHeight="1">
      <c r="A204" s="78" t="s">
        <v>7</v>
      </c>
      <c r="B204" s="109" t="s">
        <v>7</v>
      </c>
      <c r="C204" s="100" t="s">
        <v>7</v>
      </c>
      <c r="D204" s="60" t="s">
        <v>7</v>
      </c>
      <c r="E204" s="112" t="s">
        <v>508</v>
      </c>
      <c r="F204" s="126" t="s">
        <v>7</v>
      </c>
      <c r="G204" s="54"/>
      <c r="H204" s="91"/>
    </row>
    <row r="205" spans="1:8" ht="12.95" customHeight="1">
      <c r="A205" s="78" t="s">
        <v>7</v>
      </c>
      <c r="B205" s="108" t="s">
        <v>568</v>
      </c>
      <c r="C205" s="98" t="s">
        <v>7</v>
      </c>
      <c r="D205" s="52" t="s">
        <v>7</v>
      </c>
      <c r="E205" s="113" t="s">
        <v>554</v>
      </c>
      <c r="F205" s="124" t="s">
        <v>7</v>
      </c>
      <c r="G205" s="53"/>
      <c r="H205" s="90"/>
    </row>
    <row r="206" spans="1:8" ht="12.95" customHeight="1">
      <c r="A206" s="78" t="s">
        <v>7</v>
      </c>
      <c r="B206" s="108" t="s">
        <v>7</v>
      </c>
      <c r="C206" s="98" t="s">
        <v>7</v>
      </c>
      <c r="D206" s="52" t="s">
        <v>507</v>
      </c>
      <c r="E206" s="113" t="s">
        <v>7</v>
      </c>
      <c r="F206" s="52" t="s">
        <v>7</v>
      </c>
      <c r="G206" s="53"/>
      <c r="H206" s="90" t="s">
        <v>7</v>
      </c>
    </row>
    <row r="207" spans="1:8" ht="12.95" customHeight="1">
      <c r="A207" s="78" t="s">
        <v>7</v>
      </c>
      <c r="B207" s="109" t="s">
        <v>7</v>
      </c>
      <c r="C207" s="100" t="s">
        <v>7</v>
      </c>
      <c r="D207" s="60" t="s">
        <v>7</v>
      </c>
      <c r="E207" s="112" t="s">
        <v>508</v>
      </c>
      <c r="F207" s="126" t="s">
        <v>7</v>
      </c>
      <c r="G207" s="54"/>
      <c r="H207" s="91" t="s">
        <v>7</v>
      </c>
    </row>
    <row r="208" spans="1:8" ht="12.95" customHeight="1">
      <c r="A208" s="78" t="s">
        <v>7</v>
      </c>
      <c r="B208" s="110" t="s">
        <v>509</v>
      </c>
      <c r="C208" s="98" t="s">
        <v>7</v>
      </c>
      <c r="D208" s="52" t="s">
        <v>7</v>
      </c>
      <c r="E208" s="113" t="s">
        <v>7</v>
      </c>
      <c r="F208" s="52" t="s">
        <v>7</v>
      </c>
      <c r="G208" s="53"/>
      <c r="H208" s="90" t="s">
        <v>7</v>
      </c>
    </row>
    <row r="209" spans="1:8" ht="12.95" customHeight="1">
      <c r="A209" s="78" t="s">
        <v>7</v>
      </c>
      <c r="B209" s="108" t="s">
        <v>7</v>
      </c>
      <c r="C209" s="98" t="s">
        <v>7</v>
      </c>
      <c r="D209" s="52" t="s">
        <v>7</v>
      </c>
      <c r="E209" s="113" t="s">
        <v>7</v>
      </c>
      <c r="F209" s="52" t="s">
        <v>7</v>
      </c>
      <c r="G209" s="53"/>
      <c r="H209" s="90" t="s">
        <v>7</v>
      </c>
    </row>
    <row r="210" spans="1:8" ht="12.95" customHeight="1">
      <c r="A210" s="78" t="s">
        <v>7</v>
      </c>
      <c r="B210" s="109" t="s">
        <v>7</v>
      </c>
      <c r="C210" s="100" t="s">
        <v>7</v>
      </c>
      <c r="D210" s="60" t="s">
        <v>7</v>
      </c>
      <c r="E210" s="112" t="s">
        <v>7</v>
      </c>
      <c r="F210" s="60" t="s">
        <v>7</v>
      </c>
      <c r="G210" s="54"/>
      <c r="H210" s="91" t="s">
        <v>7</v>
      </c>
    </row>
    <row r="211" spans="1:8" ht="12.95" customHeight="1">
      <c r="A211" s="78"/>
      <c r="B211" s="45"/>
      <c r="C211" s="32"/>
      <c r="D211" s="61"/>
      <c r="E211" s="46"/>
      <c r="F211" s="61"/>
      <c r="G211" s="55"/>
      <c r="H211" s="12"/>
    </row>
    <row r="212" spans="1:8" ht="12.95" customHeight="1">
      <c r="A212" s="78"/>
      <c r="B212" s="40"/>
      <c r="C212" s="25"/>
      <c r="D212" s="52"/>
      <c r="E212" s="44"/>
      <c r="F212" s="52"/>
      <c r="G212" s="53"/>
      <c r="H212" s="5"/>
    </row>
    <row r="213" spans="1:8" ht="12.95" customHeight="1">
      <c r="A213" s="78"/>
      <c r="B213" s="42"/>
      <c r="C213" s="28"/>
      <c r="D213" s="60"/>
      <c r="E213" s="43"/>
      <c r="F213" s="60"/>
      <c r="G213" s="54"/>
      <c r="H213" s="8"/>
    </row>
    <row r="214" spans="1:8" ht="12.95" customHeight="1">
      <c r="A214" s="78"/>
      <c r="B214" s="45"/>
      <c r="C214" s="32"/>
      <c r="D214" s="61"/>
      <c r="E214" s="46"/>
      <c r="F214" s="61"/>
      <c r="G214" s="55"/>
      <c r="H214" s="12"/>
    </row>
    <row r="215" spans="1:8" ht="12.95" customHeight="1">
      <c r="A215" s="78"/>
      <c r="B215" s="40"/>
      <c r="C215" s="25"/>
      <c r="D215" s="52"/>
      <c r="E215" s="44"/>
      <c r="F215" s="52"/>
      <c r="G215" s="53"/>
      <c r="H215" s="5"/>
    </row>
    <row r="216" spans="1:8" ht="12.95" customHeight="1">
      <c r="A216" s="78"/>
      <c r="B216" s="42"/>
      <c r="C216" s="28"/>
      <c r="D216" s="60"/>
      <c r="E216" s="43"/>
      <c r="F216" s="60"/>
      <c r="G216" s="54"/>
      <c r="H216" s="8"/>
    </row>
    <row r="217" spans="1:8" ht="12.95" customHeight="1">
      <c r="A217" s="78"/>
      <c r="B217" s="45"/>
      <c r="C217" s="32"/>
      <c r="D217" s="61"/>
      <c r="E217" s="46"/>
      <c r="F217" s="61"/>
      <c r="G217" s="55"/>
      <c r="H217" s="12"/>
    </row>
    <row r="218" spans="1:8" ht="12.95" customHeight="1">
      <c r="A218" s="78"/>
      <c r="B218" s="40"/>
      <c r="C218" s="25"/>
      <c r="D218" s="52"/>
      <c r="E218" s="44"/>
      <c r="F218" s="52"/>
      <c r="G218" s="53"/>
      <c r="H218" s="5"/>
    </row>
    <row r="219" spans="1:8" ht="12.95" customHeight="1">
      <c r="A219" s="78"/>
      <c r="B219" s="42"/>
      <c r="C219" s="28"/>
      <c r="D219" s="60"/>
      <c r="E219" s="43"/>
      <c r="F219" s="60"/>
      <c r="G219" s="54"/>
      <c r="H219" s="8"/>
    </row>
    <row r="220" spans="1:8" ht="12.95" customHeight="1">
      <c r="A220" s="78"/>
      <c r="B220" s="45"/>
      <c r="C220" s="32"/>
      <c r="D220" s="61"/>
      <c r="E220" s="46"/>
      <c r="F220" s="61"/>
      <c r="G220" s="55"/>
      <c r="H220" s="12"/>
    </row>
    <row r="221" spans="1:8" ht="12.95" customHeight="1">
      <c r="A221" s="78"/>
      <c r="B221" s="40"/>
      <c r="C221" s="25"/>
      <c r="D221" s="52"/>
      <c r="E221" s="44"/>
      <c r="F221" s="52"/>
      <c r="G221" s="53"/>
      <c r="H221" s="5"/>
    </row>
    <row r="222" spans="1:8" ht="12.95" customHeight="1">
      <c r="A222" s="78"/>
      <c r="B222" s="42"/>
      <c r="C222" s="28"/>
      <c r="D222" s="60"/>
      <c r="E222" s="43"/>
      <c r="F222" s="60"/>
      <c r="G222" s="54"/>
      <c r="H222" s="8"/>
    </row>
    <row r="223" spans="1:8" ht="12.95" customHeight="1">
      <c r="A223" s="78"/>
      <c r="B223" s="45"/>
      <c r="C223" s="32"/>
      <c r="D223" s="61"/>
      <c r="E223" s="46"/>
      <c r="F223" s="61"/>
      <c r="G223" s="55"/>
      <c r="H223" s="12"/>
    </row>
    <row r="224" spans="1:8" ht="12.95" customHeight="1">
      <c r="A224" s="78"/>
      <c r="B224" s="40"/>
      <c r="C224" s="25"/>
      <c r="D224" s="52"/>
      <c r="E224" s="44"/>
      <c r="F224" s="52"/>
      <c r="G224" s="53"/>
      <c r="H224" s="5"/>
    </row>
    <row r="225" spans="1:8" ht="12.95" customHeight="1">
      <c r="A225" s="78"/>
      <c r="B225" s="42"/>
      <c r="C225" s="28"/>
      <c r="D225" s="60"/>
      <c r="E225" s="43"/>
      <c r="F225" s="60"/>
      <c r="G225" s="54"/>
      <c r="H225" s="8"/>
    </row>
    <row r="226" spans="1:8" ht="12.95" customHeight="1">
      <c r="A226" s="78"/>
      <c r="B226" s="45"/>
      <c r="C226" s="32"/>
      <c r="D226" s="61"/>
      <c r="E226" s="46"/>
      <c r="F226" s="61"/>
      <c r="G226" s="55"/>
      <c r="H226" s="12"/>
    </row>
    <row r="227" spans="1:8" ht="12.95" customHeight="1">
      <c r="A227" s="78"/>
      <c r="B227" s="40"/>
      <c r="C227" s="25"/>
      <c r="D227" s="52"/>
      <c r="E227" s="44"/>
      <c r="F227" s="52"/>
      <c r="G227" s="53"/>
      <c r="H227" s="5"/>
    </row>
    <row r="228" spans="1:8" ht="12.95" customHeight="1">
      <c r="A228" s="78"/>
      <c r="B228" s="42"/>
      <c r="C228" s="28"/>
      <c r="D228" s="60"/>
      <c r="E228" s="43"/>
      <c r="F228" s="60"/>
      <c r="G228" s="54"/>
      <c r="H228" s="8"/>
    </row>
    <row r="229" spans="1:8" ht="12.95" customHeight="1">
      <c r="A229" s="78"/>
      <c r="B229" s="45"/>
      <c r="C229" s="32"/>
      <c r="D229" s="61"/>
      <c r="E229" s="46"/>
      <c r="F229" s="61"/>
      <c r="G229" s="55"/>
      <c r="H229" s="12"/>
    </row>
    <row r="230" spans="1:8" ht="12.95" customHeight="1">
      <c r="A230" s="78"/>
      <c r="B230" s="40"/>
      <c r="C230" s="25"/>
      <c r="D230" s="52"/>
      <c r="E230" s="44"/>
      <c r="F230" s="52"/>
      <c r="G230" s="53"/>
      <c r="H230" s="5"/>
    </row>
    <row r="231" spans="1:8" ht="12.95" customHeight="1">
      <c r="A231" s="78"/>
      <c r="B231" s="42"/>
      <c r="C231" s="28"/>
      <c r="D231" s="60"/>
      <c r="E231" s="43"/>
      <c r="F231" s="60"/>
      <c r="G231" s="54"/>
      <c r="H231" s="8"/>
    </row>
    <row r="232" spans="1:8" ht="12.95" customHeight="1">
      <c r="A232" s="78"/>
      <c r="B232" s="45"/>
      <c r="C232" s="32"/>
      <c r="D232" s="61"/>
      <c r="E232" s="47"/>
      <c r="F232" s="65"/>
      <c r="G232" s="55"/>
      <c r="H232" s="12"/>
    </row>
    <row r="233" spans="1:8" ht="12.95" customHeight="1">
      <c r="A233" s="78"/>
      <c r="B233" s="40"/>
      <c r="C233" s="25"/>
      <c r="D233" s="52"/>
      <c r="E233" s="44"/>
      <c r="F233" s="52"/>
      <c r="G233" s="53"/>
      <c r="H233" s="5"/>
    </row>
    <row r="234" spans="1:8" ht="12.95" customHeight="1">
      <c r="A234" s="78"/>
      <c r="B234" s="42"/>
      <c r="C234" s="28"/>
      <c r="D234" s="60"/>
      <c r="E234" s="43"/>
      <c r="F234" s="60"/>
      <c r="G234" s="54"/>
      <c r="H234" s="8"/>
    </row>
    <row r="235" spans="1:8" ht="12.95" customHeight="1">
      <c r="A235" s="78"/>
      <c r="B235" s="45"/>
      <c r="C235" s="32"/>
      <c r="D235" s="61"/>
      <c r="E235" s="46"/>
      <c r="F235" s="61"/>
      <c r="G235" s="55"/>
      <c r="H235" s="12"/>
    </row>
    <row r="236" spans="1:8" ht="12.95" customHeight="1">
      <c r="A236" s="78"/>
      <c r="B236" s="40"/>
      <c r="C236" s="25"/>
      <c r="D236" s="52"/>
      <c r="E236" s="44"/>
      <c r="F236" s="52"/>
      <c r="G236" s="53"/>
      <c r="H236" s="5"/>
    </row>
    <row r="237" spans="1:8" ht="12.95" customHeight="1">
      <c r="A237" s="78"/>
      <c r="B237" s="42"/>
      <c r="C237" s="28"/>
      <c r="D237" s="60"/>
      <c r="E237" s="43"/>
      <c r="F237" s="60"/>
      <c r="G237" s="54"/>
      <c r="H237" s="8"/>
    </row>
    <row r="238" spans="1:8" ht="12.95" customHeight="1">
      <c r="A238" s="78"/>
      <c r="B238" s="45"/>
      <c r="C238" s="32"/>
      <c r="D238" s="61"/>
      <c r="E238" s="46"/>
      <c r="F238" s="61"/>
      <c r="G238" s="55"/>
      <c r="H238" s="12"/>
    </row>
    <row r="239" spans="1:8" ht="12.95" customHeight="1">
      <c r="A239" s="78"/>
      <c r="B239" s="40"/>
      <c r="C239" s="25"/>
      <c r="D239" s="52"/>
      <c r="E239" s="44"/>
      <c r="F239" s="52"/>
      <c r="G239" s="53"/>
      <c r="H239" s="5"/>
    </row>
    <row r="240" spans="1:8" ht="12.95" customHeight="1">
      <c r="A240" s="78"/>
      <c r="B240" s="42"/>
      <c r="C240" s="28"/>
      <c r="D240" s="60"/>
      <c r="E240" s="43"/>
      <c r="F240" s="60"/>
      <c r="G240" s="54"/>
      <c r="H240" s="8"/>
    </row>
    <row r="241" spans="1:8" ht="12.95" customHeight="1">
      <c r="A241" s="78"/>
      <c r="B241" s="45"/>
      <c r="C241" s="32"/>
      <c r="D241" s="61"/>
      <c r="E241" s="46"/>
      <c r="F241" s="61"/>
      <c r="G241" s="55"/>
      <c r="H241" s="12"/>
    </row>
    <row r="242" spans="1:8" ht="12.95" customHeight="1">
      <c r="A242" s="78"/>
      <c r="B242" s="40"/>
      <c r="C242" s="25"/>
      <c r="D242" s="52"/>
      <c r="E242" s="41"/>
      <c r="F242" s="64"/>
      <c r="G242" s="53"/>
      <c r="H242" s="5"/>
    </row>
    <row r="243" spans="1:8" ht="12.95" customHeight="1">
      <c r="A243" s="78"/>
      <c r="B243" s="42"/>
      <c r="C243" s="28"/>
      <c r="D243" s="60"/>
      <c r="E243" s="43"/>
      <c r="F243" s="60"/>
      <c r="G243" s="54"/>
      <c r="H243" s="8"/>
    </row>
    <row r="244" spans="1:8" ht="12.95" customHeight="1">
      <c r="A244" s="78"/>
      <c r="B244" s="45"/>
      <c r="C244" s="32"/>
      <c r="D244" s="61"/>
      <c r="E244" s="46"/>
      <c r="F244" s="61"/>
      <c r="G244" s="55"/>
      <c r="H244" s="12"/>
    </row>
    <row r="245" spans="1:8" ht="12.95" customHeight="1">
      <c r="A245" s="78"/>
      <c r="B245" s="40"/>
      <c r="C245" s="25"/>
      <c r="D245" s="52"/>
      <c r="E245" s="44"/>
      <c r="F245" s="52"/>
      <c r="G245" s="53"/>
      <c r="H245" s="5"/>
    </row>
    <row r="246" spans="1:8" ht="12.95" customHeight="1">
      <c r="A246" s="78"/>
      <c r="B246" s="42"/>
      <c r="C246" s="28"/>
      <c r="D246" s="60"/>
      <c r="E246" s="43"/>
      <c r="F246" s="60"/>
      <c r="G246" s="54"/>
      <c r="H246" s="8"/>
    </row>
    <row r="247" spans="1:8" ht="12.95" customHeight="1">
      <c r="A247" s="78"/>
      <c r="B247" s="45"/>
      <c r="C247" s="32"/>
      <c r="D247" s="61"/>
      <c r="E247" s="46"/>
      <c r="F247" s="61"/>
      <c r="G247" s="55"/>
      <c r="H247" s="12"/>
    </row>
    <row r="248" spans="1:8" ht="12.95" customHeight="1">
      <c r="A248" s="78"/>
      <c r="B248" s="40"/>
      <c r="C248" s="25"/>
      <c r="D248" s="52"/>
      <c r="E248" s="44"/>
      <c r="F248" s="52"/>
      <c r="G248" s="53"/>
      <c r="H248" s="5"/>
    </row>
    <row r="249" spans="1:8" ht="12.95" customHeight="1">
      <c r="A249" s="78"/>
      <c r="B249" s="42"/>
      <c r="C249" s="28"/>
      <c r="D249" s="60"/>
      <c r="E249" s="43"/>
      <c r="F249" s="60"/>
      <c r="G249" s="54"/>
      <c r="H249" s="8"/>
    </row>
    <row r="250" spans="1:8" ht="12.95" customHeight="1">
      <c r="A250" s="78"/>
      <c r="B250" s="45"/>
      <c r="C250" s="32"/>
      <c r="D250" s="61"/>
      <c r="E250" s="46"/>
      <c r="F250" s="61"/>
      <c r="G250" s="55"/>
      <c r="H250" s="12"/>
    </row>
    <row r="251" spans="1:8" ht="12.95" customHeight="1">
      <c r="A251" s="78"/>
      <c r="B251" s="40"/>
      <c r="C251" s="25"/>
      <c r="D251" s="52"/>
      <c r="E251" s="44"/>
      <c r="F251" s="52"/>
      <c r="G251" s="53"/>
      <c r="H251" s="5"/>
    </row>
    <row r="252" spans="1:8" ht="12.95" customHeight="1">
      <c r="A252" s="78"/>
      <c r="B252" s="42"/>
      <c r="C252" s="28"/>
      <c r="D252" s="60"/>
      <c r="E252" s="48"/>
      <c r="F252" s="66"/>
      <c r="G252" s="54"/>
      <c r="H252" s="8"/>
    </row>
    <row r="253" spans="1:8" ht="12.95" customHeight="1">
      <c r="A253" s="78"/>
      <c r="B253" s="45"/>
      <c r="C253" s="32"/>
      <c r="D253" s="61"/>
      <c r="E253" s="46"/>
      <c r="F253" s="61"/>
      <c r="G253" s="55"/>
      <c r="H253" s="12"/>
    </row>
    <row r="254" spans="1:8" ht="12.95" customHeight="1">
      <c r="A254" s="78"/>
      <c r="B254" s="40"/>
      <c r="C254" s="25"/>
      <c r="D254" s="62"/>
      <c r="E254" s="44"/>
      <c r="F254" s="62"/>
      <c r="G254" s="53"/>
      <c r="H254" s="5"/>
    </row>
    <row r="255" spans="1:8" ht="12.95" customHeight="1">
      <c r="A255" s="78"/>
      <c r="B255" s="50"/>
      <c r="C255" s="38"/>
      <c r="D255" s="63"/>
      <c r="E255" s="51"/>
      <c r="F255" s="63"/>
      <c r="G255" s="57"/>
      <c r="H255" s="18"/>
    </row>
    <row r="256" spans="1:8" ht="0.95" customHeight="1">
      <c r="B256" s="19"/>
      <c r="C256" s="19"/>
      <c r="D256" s="19"/>
      <c r="E256" s="19"/>
      <c r="F256" s="67"/>
      <c r="G256" s="19"/>
      <c r="H256" s="19"/>
    </row>
    <row r="257" spans="1:8" s="1" customFormat="1" ht="18" customHeight="1">
      <c r="B257" s="79" t="s">
        <v>556</v>
      </c>
      <c r="C257" s="79"/>
      <c r="D257" s="79"/>
      <c r="E257" s="79"/>
      <c r="F257" s="79"/>
      <c r="G257" s="79"/>
      <c r="H257" s="80"/>
    </row>
    <row r="258" spans="1:8" ht="21" customHeight="1">
      <c r="A258" s="78"/>
      <c r="B258" s="207" t="s">
        <v>557</v>
      </c>
      <c r="C258" s="208"/>
      <c r="D258" s="208" t="s">
        <v>586</v>
      </c>
      <c r="E258" s="208"/>
      <c r="F258" s="208"/>
      <c r="G258" s="208"/>
      <c r="H258" s="209"/>
    </row>
    <row r="259" spans="1:8" ht="21" customHeight="1">
      <c r="A259" s="78"/>
      <c r="B259" s="105" t="s">
        <v>560</v>
      </c>
      <c r="C259" s="106" t="s">
        <v>561</v>
      </c>
      <c r="D259" s="106" t="s">
        <v>562</v>
      </c>
      <c r="E259" s="106" t="s">
        <v>563</v>
      </c>
      <c r="F259" s="106" t="s">
        <v>550</v>
      </c>
      <c r="G259" s="106" t="s">
        <v>551</v>
      </c>
      <c r="H259" s="107" t="s">
        <v>552</v>
      </c>
    </row>
    <row r="260" spans="1:8" ht="12.95" customHeight="1">
      <c r="A260" s="78" t="s">
        <v>7</v>
      </c>
      <c r="B260" s="108" t="s">
        <v>587</v>
      </c>
      <c r="C260" s="98" t="s">
        <v>7</v>
      </c>
      <c r="D260" s="52" t="s">
        <v>7</v>
      </c>
      <c r="E260" s="113" t="s">
        <v>554</v>
      </c>
      <c r="F260" s="124" t="s">
        <v>7</v>
      </c>
      <c r="G260" s="53" t="s">
        <v>7</v>
      </c>
      <c r="H260" s="90"/>
    </row>
    <row r="261" spans="1:8" ht="12.95" customHeight="1">
      <c r="A261" s="78" t="s">
        <v>7</v>
      </c>
      <c r="B261" s="108" t="s">
        <v>588</v>
      </c>
      <c r="C261" s="98" t="s">
        <v>7</v>
      </c>
      <c r="D261" s="52" t="s">
        <v>507</v>
      </c>
      <c r="E261" s="113" t="s">
        <v>7</v>
      </c>
      <c r="F261" s="52" t="s">
        <v>7</v>
      </c>
      <c r="G261" s="53"/>
      <c r="H261" s="90" t="s">
        <v>7</v>
      </c>
    </row>
    <row r="262" spans="1:8" ht="12.95" customHeight="1">
      <c r="A262" s="78" t="s">
        <v>7</v>
      </c>
      <c r="B262" s="109" t="s">
        <v>7</v>
      </c>
      <c r="C262" s="100" t="s">
        <v>7</v>
      </c>
      <c r="D262" s="60" t="s">
        <v>7</v>
      </c>
      <c r="E262" s="112" t="s">
        <v>508</v>
      </c>
      <c r="F262" s="126" t="s">
        <v>7</v>
      </c>
      <c r="G262" s="54"/>
      <c r="H262" s="91" t="s">
        <v>7</v>
      </c>
    </row>
    <row r="263" spans="1:8" ht="12.95" customHeight="1">
      <c r="A263" s="78" t="s">
        <v>7</v>
      </c>
      <c r="B263" s="110" t="s">
        <v>509</v>
      </c>
      <c r="C263" s="98" t="s">
        <v>7</v>
      </c>
      <c r="D263" s="52" t="s">
        <v>7</v>
      </c>
      <c r="E263" s="113" t="s">
        <v>7</v>
      </c>
      <c r="F263" s="52" t="s">
        <v>7</v>
      </c>
      <c r="G263" s="53"/>
      <c r="H263" s="90" t="s">
        <v>7</v>
      </c>
    </row>
    <row r="264" spans="1:8" ht="12.95" customHeight="1">
      <c r="A264" s="78" t="s">
        <v>7</v>
      </c>
      <c r="B264" s="108" t="s">
        <v>7</v>
      </c>
      <c r="C264" s="98" t="s">
        <v>7</v>
      </c>
      <c r="D264" s="52" t="s">
        <v>7</v>
      </c>
      <c r="E264" s="113" t="s">
        <v>7</v>
      </c>
      <c r="F264" s="52" t="s">
        <v>7</v>
      </c>
      <c r="G264" s="53"/>
      <c r="H264" s="90" t="s">
        <v>7</v>
      </c>
    </row>
    <row r="265" spans="1:8" ht="12.95" customHeight="1">
      <c r="A265" s="78" t="s">
        <v>7</v>
      </c>
      <c r="B265" s="109" t="s">
        <v>7</v>
      </c>
      <c r="C265" s="100" t="s">
        <v>7</v>
      </c>
      <c r="D265" s="60" t="s">
        <v>7</v>
      </c>
      <c r="E265" s="112" t="s">
        <v>7</v>
      </c>
      <c r="F265" s="60" t="s">
        <v>7</v>
      </c>
      <c r="G265" s="54"/>
      <c r="H265" s="91" t="s">
        <v>7</v>
      </c>
    </row>
    <row r="266" spans="1:8" ht="12.95" customHeight="1">
      <c r="A266" s="78"/>
      <c r="B266" s="45"/>
      <c r="C266" s="32"/>
      <c r="D266" s="61"/>
      <c r="E266" s="46"/>
      <c r="F266" s="61"/>
      <c r="G266" s="55"/>
      <c r="H266" s="12"/>
    </row>
    <row r="267" spans="1:8" ht="12.95" customHeight="1">
      <c r="A267" s="78"/>
      <c r="B267" s="40"/>
      <c r="C267" s="25"/>
      <c r="D267" s="52"/>
      <c r="E267" s="44"/>
      <c r="F267" s="52"/>
      <c r="G267" s="53"/>
      <c r="H267" s="5"/>
    </row>
    <row r="268" spans="1:8" ht="12.95" customHeight="1">
      <c r="A268" s="78"/>
      <c r="B268" s="42"/>
      <c r="C268" s="28"/>
      <c r="D268" s="60"/>
      <c r="E268" s="43"/>
      <c r="F268" s="60"/>
      <c r="G268" s="54"/>
      <c r="H268" s="8"/>
    </row>
    <row r="269" spans="1:8" ht="12.95" customHeight="1">
      <c r="A269" s="78"/>
      <c r="B269" s="45"/>
      <c r="C269" s="32"/>
      <c r="D269" s="61"/>
      <c r="E269" s="46"/>
      <c r="F269" s="61"/>
      <c r="G269" s="55"/>
      <c r="H269" s="12"/>
    </row>
    <row r="270" spans="1:8" ht="12.95" customHeight="1">
      <c r="A270" s="78"/>
      <c r="B270" s="40"/>
      <c r="C270" s="25"/>
      <c r="D270" s="52"/>
      <c r="E270" s="44"/>
      <c r="F270" s="52"/>
      <c r="G270" s="53"/>
      <c r="H270" s="5"/>
    </row>
    <row r="271" spans="1:8" ht="12.95" customHeight="1">
      <c r="A271" s="78"/>
      <c r="B271" s="42"/>
      <c r="C271" s="28"/>
      <c r="D271" s="60"/>
      <c r="E271" s="43"/>
      <c r="F271" s="60"/>
      <c r="G271" s="54"/>
      <c r="H271" s="8"/>
    </row>
    <row r="272" spans="1:8" ht="12.95" customHeight="1">
      <c r="A272" s="78"/>
      <c r="B272" s="45"/>
      <c r="C272" s="32"/>
      <c r="D272" s="61"/>
      <c r="E272" s="46"/>
      <c r="F272" s="61"/>
      <c r="G272" s="55"/>
      <c r="H272" s="12"/>
    </row>
    <row r="273" spans="1:8" ht="12.95" customHeight="1">
      <c r="A273" s="78"/>
      <c r="B273" s="40"/>
      <c r="C273" s="25"/>
      <c r="D273" s="52"/>
      <c r="E273" s="44"/>
      <c r="F273" s="52"/>
      <c r="G273" s="53"/>
      <c r="H273" s="5"/>
    </row>
    <row r="274" spans="1:8" ht="12.95" customHeight="1">
      <c r="A274" s="78"/>
      <c r="B274" s="42"/>
      <c r="C274" s="28"/>
      <c r="D274" s="60"/>
      <c r="E274" s="43"/>
      <c r="F274" s="60"/>
      <c r="G274" s="54"/>
      <c r="H274" s="8"/>
    </row>
    <row r="275" spans="1:8" ht="12.95" customHeight="1">
      <c r="A275" s="78"/>
      <c r="B275" s="45"/>
      <c r="C275" s="32"/>
      <c r="D275" s="61"/>
      <c r="E275" s="46"/>
      <c r="F275" s="61"/>
      <c r="G275" s="55"/>
      <c r="H275" s="12"/>
    </row>
    <row r="276" spans="1:8" ht="12.95" customHeight="1">
      <c r="A276" s="78"/>
      <c r="B276" s="40"/>
      <c r="C276" s="25"/>
      <c r="D276" s="52"/>
      <c r="E276" s="44"/>
      <c r="F276" s="52"/>
      <c r="G276" s="53"/>
      <c r="H276" s="5"/>
    </row>
    <row r="277" spans="1:8" ht="12.95" customHeight="1">
      <c r="A277" s="78"/>
      <c r="B277" s="42"/>
      <c r="C277" s="28"/>
      <c r="D277" s="60"/>
      <c r="E277" s="43"/>
      <c r="F277" s="60"/>
      <c r="G277" s="54"/>
      <c r="H277" s="8"/>
    </row>
    <row r="278" spans="1:8" ht="12.95" customHeight="1">
      <c r="A278" s="78"/>
      <c r="B278" s="45"/>
      <c r="C278" s="32"/>
      <c r="D278" s="61"/>
      <c r="E278" s="46"/>
      <c r="F278" s="61"/>
      <c r="G278" s="55"/>
      <c r="H278" s="12"/>
    </row>
    <row r="279" spans="1:8" ht="12.95" customHeight="1">
      <c r="A279" s="78"/>
      <c r="B279" s="40"/>
      <c r="C279" s="25"/>
      <c r="D279" s="52"/>
      <c r="E279" s="44"/>
      <c r="F279" s="52"/>
      <c r="G279" s="53"/>
      <c r="H279" s="5"/>
    </row>
    <row r="280" spans="1:8" ht="12.95" customHeight="1">
      <c r="A280" s="78"/>
      <c r="B280" s="42"/>
      <c r="C280" s="28"/>
      <c r="D280" s="60"/>
      <c r="E280" s="43"/>
      <c r="F280" s="60"/>
      <c r="G280" s="54"/>
      <c r="H280" s="8"/>
    </row>
    <row r="281" spans="1:8" ht="12.95" customHeight="1">
      <c r="A281" s="78"/>
      <c r="B281" s="45"/>
      <c r="C281" s="32"/>
      <c r="D281" s="61"/>
      <c r="E281" s="46"/>
      <c r="F281" s="61"/>
      <c r="G281" s="55"/>
      <c r="H281" s="12"/>
    </row>
    <row r="282" spans="1:8" ht="12.95" customHeight="1">
      <c r="A282" s="78"/>
      <c r="B282" s="40"/>
      <c r="C282" s="25"/>
      <c r="D282" s="52"/>
      <c r="E282" s="44"/>
      <c r="F282" s="52"/>
      <c r="G282" s="53"/>
      <c r="H282" s="5"/>
    </row>
    <row r="283" spans="1:8" ht="12.95" customHeight="1">
      <c r="A283" s="78"/>
      <c r="B283" s="42"/>
      <c r="C283" s="28"/>
      <c r="D283" s="60"/>
      <c r="E283" s="43"/>
      <c r="F283" s="60"/>
      <c r="G283" s="54"/>
      <c r="H283" s="8"/>
    </row>
    <row r="284" spans="1:8" ht="12.95" customHeight="1">
      <c r="A284" s="78"/>
      <c r="B284" s="45"/>
      <c r="C284" s="32"/>
      <c r="D284" s="61"/>
      <c r="E284" s="46"/>
      <c r="F284" s="61"/>
      <c r="G284" s="55"/>
      <c r="H284" s="12"/>
    </row>
    <row r="285" spans="1:8" ht="12.95" customHeight="1">
      <c r="A285" s="78"/>
      <c r="B285" s="40"/>
      <c r="C285" s="25"/>
      <c r="D285" s="52"/>
      <c r="E285" s="44"/>
      <c r="F285" s="52"/>
      <c r="G285" s="53"/>
      <c r="H285" s="5"/>
    </row>
    <row r="286" spans="1:8" ht="12.95" customHeight="1">
      <c r="A286" s="78"/>
      <c r="B286" s="42"/>
      <c r="C286" s="28"/>
      <c r="D286" s="60"/>
      <c r="E286" s="43"/>
      <c r="F286" s="60"/>
      <c r="G286" s="54"/>
      <c r="H286" s="8"/>
    </row>
    <row r="287" spans="1:8" ht="12.95" customHeight="1">
      <c r="A287" s="78"/>
      <c r="B287" s="45"/>
      <c r="C287" s="32"/>
      <c r="D287" s="61"/>
      <c r="E287" s="46"/>
      <c r="F287" s="61"/>
      <c r="G287" s="55"/>
      <c r="H287" s="12"/>
    </row>
    <row r="288" spans="1:8" ht="12.95" customHeight="1">
      <c r="A288" s="78"/>
      <c r="B288" s="40"/>
      <c r="C288" s="25"/>
      <c r="D288" s="52"/>
      <c r="E288" s="44"/>
      <c r="F288" s="52"/>
      <c r="G288" s="53"/>
      <c r="H288" s="5"/>
    </row>
    <row r="289" spans="1:8" ht="12.95" customHeight="1">
      <c r="A289" s="78"/>
      <c r="B289" s="42"/>
      <c r="C289" s="28"/>
      <c r="D289" s="60"/>
      <c r="E289" s="43"/>
      <c r="F289" s="60"/>
      <c r="G289" s="54"/>
      <c r="H289" s="8"/>
    </row>
    <row r="290" spans="1:8" ht="12.95" customHeight="1">
      <c r="A290" s="78"/>
      <c r="B290" s="45"/>
      <c r="C290" s="32"/>
      <c r="D290" s="61"/>
      <c r="E290" s="46"/>
      <c r="F290" s="61"/>
      <c r="G290" s="55"/>
      <c r="H290" s="12"/>
    </row>
    <row r="291" spans="1:8" ht="12.95" customHeight="1">
      <c r="A291" s="78"/>
      <c r="B291" s="40"/>
      <c r="C291" s="25"/>
      <c r="D291" s="52"/>
      <c r="E291" s="44"/>
      <c r="F291" s="52"/>
      <c r="G291" s="53"/>
      <c r="H291" s="5"/>
    </row>
    <row r="292" spans="1:8" ht="12.95" customHeight="1">
      <c r="A292" s="78"/>
      <c r="B292" s="42"/>
      <c r="C292" s="28"/>
      <c r="D292" s="60"/>
      <c r="E292" s="43"/>
      <c r="F292" s="60"/>
      <c r="G292" s="54"/>
      <c r="H292" s="8"/>
    </row>
    <row r="293" spans="1:8" ht="12.95" customHeight="1">
      <c r="A293" s="78"/>
      <c r="B293" s="45"/>
      <c r="C293" s="32"/>
      <c r="D293" s="61"/>
      <c r="E293" s="46"/>
      <c r="F293" s="61"/>
      <c r="G293" s="55"/>
      <c r="H293" s="12"/>
    </row>
    <row r="294" spans="1:8" ht="12.95" customHeight="1">
      <c r="A294" s="78"/>
      <c r="B294" s="40"/>
      <c r="C294" s="25"/>
      <c r="D294" s="52"/>
      <c r="E294" s="44"/>
      <c r="F294" s="52"/>
      <c r="G294" s="53"/>
      <c r="H294" s="5"/>
    </row>
    <row r="295" spans="1:8" ht="12.95" customHeight="1">
      <c r="A295" s="78"/>
      <c r="B295" s="42"/>
      <c r="C295" s="28"/>
      <c r="D295" s="60"/>
      <c r="E295" s="43"/>
      <c r="F295" s="60"/>
      <c r="G295" s="54"/>
      <c r="H295" s="8"/>
    </row>
    <row r="296" spans="1:8" ht="12.95" customHeight="1">
      <c r="A296" s="78"/>
      <c r="B296" s="45"/>
      <c r="C296" s="32"/>
      <c r="D296" s="61"/>
      <c r="E296" s="47"/>
      <c r="F296" s="65"/>
      <c r="G296" s="55"/>
      <c r="H296" s="12"/>
    </row>
    <row r="297" spans="1:8" ht="12.95" customHeight="1">
      <c r="A297" s="78"/>
      <c r="B297" s="40"/>
      <c r="C297" s="25"/>
      <c r="D297" s="52"/>
      <c r="E297" s="44"/>
      <c r="F297" s="52"/>
      <c r="G297" s="53"/>
      <c r="H297" s="5"/>
    </row>
    <row r="298" spans="1:8" ht="12.95" customHeight="1">
      <c r="A298" s="78"/>
      <c r="B298" s="42"/>
      <c r="C298" s="28"/>
      <c r="D298" s="60"/>
      <c r="E298" s="43"/>
      <c r="F298" s="60"/>
      <c r="G298" s="54"/>
      <c r="H298" s="8"/>
    </row>
    <row r="299" spans="1:8" ht="12.95" customHeight="1">
      <c r="A299" s="78"/>
      <c r="B299" s="45"/>
      <c r="C299" s="32"/>
      <c r="D299" s="61"/>
      <c r="E299" s="46"/>
      <c r="F299" s="61"/>
      <c r="G299" s="55"/>
      <c r="H299" s="12"/>
    </row>
    <row r="300" spans="1:8" ht="12.95" customHeight="1">
      <c r="A300" s="78"/>
      <c r="B300" s="40"/>
      <c r="C300" s="25"/>
      <c r="D300" s="52"/>
      <c r="E300" s="44"/>
      <c r="F300" s="52"/>
      <c r="G300" s="53"/>
      <c r="H300" s="5"/>
    </row>
    <row r="301" spans="1:8" ht="12.95" customHeight="1">
      <c r="A301" s="78"/>
      <c r="B301" s="42"/>
      <c r="C301" s="28"/>
      <c r="D301" s="60"/>
      <c r="E301" s="43"/>
      <c r="F301" s="60"/>
      <c r="G301" s="54"/>
      <c r="H301" s="8"/>
    </row>
    <row r="302" spans="1:8" ht="12.95" customHeight="1">
      <c r="A302" s="78"/>
      <c r="B302" s="45"/>
      <c r="C302" s="32"/>
      <c r="D302" s="61"/>
      <c r="E302" s="46"/>
      <c r="F302" s="61"/>
      <c r="G302" s="55"/>
      <c r="H302" s="12"/>
    </row>
    <row r="303" spans="1:8" ht="12.95" customHeight="1">
      <c r="A303" s="78"/>
      <c r="B303" s="40"/>
      <c r="C303" s="25"/>
      <c r="D303" s="52"/>
      <c r="E303" s="44"/>
      <c r="F303" s="52"/>
      <c r="G303" s="53"/>
      <c r="H303" s="5"/>
    </row>
    <row r="304" spans="1:8" ht="12.95" customHeight="1">
      <c r="A304" s="78"/>
      <c r="B304" s="42"/>
      <c r="C304" s="28"/>
      <c r="D304" s="60"/>
      <c r="E304" s="43"/>
      <c r="F304" s="60"/>
      <c r="G304" s="54"/>
      <c r="H304" s="8"/>
    </row>
    <row r="305" spans="1:8" ht="12.95" customHeight="1">
      <c r="A305" s="78"/>
      <c r="B305" s="45"/>
      <c r="C305" s="32"/>
      <c r="D305" s="61"/>
      <c r="E305" s="46"/>
      <c r="F305" s="61"/>
      <c r="G305" s="55"/>
      <c r="H305" s="12"/>
    </row>
    <row r="306" spans="1:8" ht="12.95" customHeight="1">
      <c r="A306" s="78"/>
      <c r="B306" s="40"/>
      <c r="C306" s="25"/>
      <c r="D306" s="52"/>
      <c r="E306" s="41"/>
      <c r="F306" s="64"/>
      <c r="G306" s="53"/>
      <c r="H306" s="5"/>
    </row>
    <row r="307" spans="1:8" ht="12.95" customHeight="1">
      <c r="A307" s="78"/>
      <c r="B307" s="42"/>
      <c r="C307" s="28"/>
      <c r="D307" s="60"/>
      <c r="E307" s="43"/>
      <c r="F307" s="60"/>
      <c r="G307" s="54"/>
      <c r="H307" s="8"/>
    </row>
    <row r="308" spans="1:8" ht="12.95" customHeight="1">
      <c r="A308" s="78"/>
      <c r="B308" s="45"/>
      <c r="C308" s="32"/>
      <c r="D308" s="61"/>
      <c r="E308" s="46"/>
      <c r="F308" s="61"/>
      <c r="G308" s="55"/>
      <c r="H308" s="12"/>
    </row>
    <row r="309" spans="1:8" ht="12.95" customHeight="1">
      <c r="A309" s="78"/>
      <c r="B309" s="40"/>
      <c r="C309" s="25"/>
      <c r="D309" s="52"/>
      <c r="E309" s="44"/>
      <c r="F309" s="52"/>
      <c r="G309" s="53"/>
      <c r="H309" s="5"/>
    </row>
    <row r="310" spans="1:8" ht="12.95" customHeight="1">
      <c r="A310" s="78"/>
      <c r="B310" s="42"/>
      <c r="C310" s="28"/>
      <c r="D310" s="60"/>
      <c r="E310" s="43"/>
      <c r="F310" s="60"/>
      <c r="G310" s="54"/>
      <c r="H310" s="8"/>
    </row>
    <row r="311" spans="1:8" ht="12.95" customHeight="1">
      <c r="A311" s="78"/>
      <c r="B311" s="45"/>
      <c r="C311" s="32"/>
      <c r="D311" s="61"/>
      <c r="E311" s="46"/>
      <c r="F311" s="61"/>
      <c r="G311" s="55"/>
      <c r="H311" s="12"/>
    </row>
    <row r="312" spans="1:8" ht="12.95" customHeight="1">
      <c r="A312" s="78"/>
      <c r="B312" s="40"/>
      <c r="C312" s="25"/>
      <c r="D312" s="52"/>
      <c r="E312" s="44"/>
      <c r="F312" s="52"/>
      <c r="G312" s="53"/>
      <c r="H312" s="5"/>
    </row>
    <row r="313" spans="1:8" ht="12.95" customHeight="1">
      <c r="A313" s="78"/>
      <c r="B313" s="42"/>
      <c r="C313" s="28"/>
      <c r="D313" s="60"/>
      <c r="E313" s="43"/>
      <c r="F313" s="60"/>
      <c r="G313" s="54"/>
      <c r="H313" s="8"/>
    </row>
    <row r="314" spans="1:8" ht="12.95" customHeight="1">
      <c r="A314" s="78"/>
      <c r="B314" s="45"/>
      <c r="C314" s="32"/>
      <c r="D314" s="61"/>
      <c r="E314" s="46"/>
      <c r="F314" s="61"/>
      <c r="G314" s="55"/>
      <c r="H314" s="12"/>
    </row>
    <row r="315" spans="1:8" ht="12.95" customHeight="1">
      <c r="A315" s="78"/>
      <c r="B315" s="40"/>
      <c r="C315" s="25"/>
      <c r="D315" s="52"/>
      <c r="E315" s="44"/>
      <c r="F315" s="52"/>
      <c r="G315" s="53"/>
      <c r="H315" s="5"/>
    </row>
    <row r="316" spans="1:8" ht="12.95" customHeight="1">
      <c r="A316" s="78"/>
      <c r="B316" s="42"/>
      <c r="C316" s="28"/>
      <c r="D316" s="60"/>
      <c r="E316" s="48"/>
      <c r="F316" s="66"/>
      <c r="G316" s="54"/>
      <c r="H316" s="8"/>
    </row>
    <row r="317" spans="1:8" ht="12.95" customHeight="1">
      <c r="A317" s="78"/>
      <c r="B317" s="45"/>
      <c r="C317" s="32"/>
      <c r="D317" s="61"/>
      <c r="E317" s="46"/>
      <c r="F317" s="61"/>
      <c r="G317" s="55"/>
      <c r="H317" s="12"/>
    </row>
    <row r="318" spans="1:8" ht="12.95" customHeight="1">
      <c r="A318" s="78"/>
      <c r="B318" s="40"/>
      <c r="C318" s="25"/>
      <c r="D318" s="62"/>
      <c r="E318" s="44"/>
      <c r="F318" s="62"/>
      <c r="G318" s="53"/>
      <c r="H318" s="5"/>
    </row>
    <row r="319" spans="1:8" ht="12.95" customHeight="1">
      <c r="A319" s="78"/>
      <c r="B319" s="50"/>
      <c r="C319" s="38"/>
      <c r="D319" s="63"/>
      <c r="E319" s="51"/>
      <c r="F319" s="63"/>
      <c r="G319" s="57"/>
      <c r="H319" s="18"/>
    </row>
    <row r="320" spans="1:8" ht="0.95" customHeight="1">
      <c r="B320" s="19"/>
      <c r="C320" s="19"/>
      <c r="D320" s="19"/>
      <c r="E320" s="19"/>
      <c r="F320" s="67"/>
      <c r="G320" s="19"/>
      <c r="H320" s="19"/>
    </row>
    <row r="321" spans="1:8" s="1" customFormat="1" ht="18" customHeight="1">
      <c r="B321" s="79" t="s">
        <v>556</v>
      </c>
      <c r="C321" s="79"/>
      <c r="D321" s="79"/>
      <c r="E321" s="79"/>
      <c r="F321" s="79"/>
      <c r="G321" s="79"/>
      <c r="H321" s="80"/>
    </row>
    <row r="322" spans="1:8" ht="21" customHeight="1">
      <c r="A322" s="78"/>
      <c r="B322" s="207" t="s">
        <v>557</v>
      </c>
      <c r="C322" s="208"/>
      <c r="D322" s="208" t="s">
        <v>589</v>
      </c>
      <c r="E322" s="208"/>
      <c r="F322" s="208"/>
      <c r="G322" s="208"/>
      <c r="H322" s="209"/>
    </row>
    <row r="323" spans="1:8" ht="21" customHeight="1">
      <c r="A323" s="78"/>
      <c r="B323" s="105" t="s">
        <v>560</v>
      </c>
      <c r="C323" s="106" t="s">
        <v>561</v>
      </c>
      <c r="D323" s="106" t="s">
        <v>562</v>
      </c>
      <c r="E323" s="106" t="s">
        <v>563</v>
      </c>
      <c r="F323" s="106" t="s">
        <v>550</v>
      </c>
      <c r="G323" s="106" t="s">
        <v>551</v>
      </c>
      <c r="H323" s="107" t="s">
        <v>552</v>
      </c>
    </row>
    <row r="324" spans="1:8" ht="12.95" customHeight="1">
      <c r="A324" s="78" t="s">
        <v>7</v>
      </c>
      <c r="B324" s="108" t="s">
        <v>590</v>
      </c>
      <c r="C324" s="98" t="s">
        <v>7</v>
      </c>
      <c r="D324" s="52" t="s">
        <v>7</v>
      </c>
      <c r="E324" s="113" t="s">
        <v>554</v>
      </c>
      <c r="F324" s="124" t="s">
        <v>7</v>
      </c>
      <c r="G324" s="53" t="s">
        <v>7</v>
      </c>
      <c r="H324" s="90"/>
    </row>
    <row r="325" spans="1:8" ht="12.95" customHeight="1">
      <c r="A325" s="78" t="s">
        <v>7</v>
      </c>
      <c r="B325" s="108" t="s">
        <v>7</v>
      </c>
      <c r="C325" s="98" t="s">
        <v>7</v>
      </c>
      <c r="D325" s="52" t="s">
        <v>507</v>
      </c>
      <c r="E325" s="113" t="s">
        <v>7</v>
      </c>
      <c r="F325" s="52" t="s">
        <v>7</v>
      </c>
      <c r="G325" s="53"/>
      <c r="H325" s="90"/>
    </row>
    <row r="326" spans="1:8" ht="12.95" customHeight="1">
      <c r="A326" s="78" t="s">
        <v>7</v>
      </c>
      <c r="B326" s="109" t="s">
        <v>7</v>
      </c>
      <c r="C326" s="100" t="s">
        <v>7</v>
      </c>
      <c r="D326" s="60" t="s">
        <v>7</v>
      </c>
      <c r="E326" s="112" t="s">
        <v>591</v>
      </c>
      <c r="F326" s="126" t="s">
        <v>7</v>
      </c>
      <c r="G326" s="54"/>
      <c r="H326" s="91"/>
    </row>
    <row r="327" spans="1:8" ht="12.95" customHeight="1">
      <c r="A327" s="78" t="s">
        <v>7</v>
      </c>
      <c r="B327" s="108" t="s">
        <v>592</v>
      </c>
      <c r="C327" s="98" t="s">
        <v>7</v>
      </c>
      <c r="D327" s="52" t="s">
        <v>7</v>
      </c>
      <c r="E327" s="113" t="s">
        <v>593</v>
      </c>
      <c r="F327" s="124" t="s">
        <v>7</v>
      </c>
      <c r="G327" s="53"/>
      <c r="H327" s="90"/>
    </row>
    <row r="328" spans="1:8" ht="12.95" customHeight="1">
      <c r="A328" s="78" t="s">
        <v>7</v>
      </c>
      <c r="B328" s="108" t="s">
        <v>7</v>
      </c>
      <c r="C328" s="98" t="s">
        <v>7</v>
      </c>
      <c r="D328" s="52" t="s">
        <v>594</v>
      </c>
      <c r="E328" s="113" t="s">
        <v>7</v>
      </c>
      <c r="F328" s="52" t="s">
        <v>7</v>
      </c>
      <c r="G328" s="53"/>
      <c r="H328" s="90"/>
    </row>
    <row r="329" spans="1:8" ht="12.95" customHeight="1">
      <c r="A329" s="78" t="s">
        <v>7</v>
      </c>
      <c r="B329" s="109" t="s">
        <v>7</v>
      </c>
      <c r="C329" s="100" t="s">
        <v>7</v>
      </c>
      <c r="D329" s="60" t="s">
        <v>7</v>
      </c>
      <c r="E329" s="112" t="s">
        <v>591</v>
      </c>
      <c r="F329" s="126" t="s">
        <v>7</v>
      </c>
      <c r="G329" s="54"/>
      <c r="H329" s="91"/>
    </row>
    <row r="330" spans="1:8" ht="12.95" customHeight="1">
      <c r="A330" s="78" t="s">
        <v>7</v>
      </c>
      <c r="B330" s="108" t="s">
        <v>595</v>
      </c>
      <c r="C330" s="98" t="s">
        <v>7</v>
      </c>
      <c r="D330" s="52" t="s">
        <v>7</v>
      </c>
      <c r="E330" s="113" t="s">
        <v>593</v>
      </c>
      <c r="F330" s="124" t="s">
        <v>7</v>
      </c>
      <c r="G330" s="53"/>
      <c r="H330" s="90"/>
    </row>
    <row r="331" spans="1:8" ht="12.95" customHeight="1">
      <c r="A331" s="78" t="s">
        <v>7</v>
      </c>
      <c r="B331" s="108" t="s">
        <v>7</v>
      </c>
      <c r="C331" s="98" t="s">
        <v>7</v>
      </c>
      <c r="D331" s="52" t="s">
        <v>594</v>
      </c>
      <c r="E331" s="113" t="s">
        <v>7</v>
      </c>
      <c r="F331" s="52" t="s">
        <v>7</v>
      </c>
      <c r="G331" s="53"/>
      <c r="H331" s="90"/>
    </row>
    <row r="332" spans="1:8" ht="12.95" customHeight="1">
      <c r="A332" s="78" t="s">
        <v>7</v>
      </c>
      <c r="B332" s="109" t="s">
        <v>7</v>
      </c>
      <c r="C332" s="100" t="s">
        <v>7</v>
      </c>
      <c r="D332" s="60" t="s">
        <v>7</v>
      </c>
      <c r="E332" s="112" t="s">
        <v>591</v>
      </c>
      <c r="F332" s="126" t="s">
        <v>7</v>
      </c>
      <c r="G332" s="54"/>
      <c r="H332" s="91"/>
    </row>
    <row r="333" spans="1:8" ht="12.95" customHeight="1">
      <c r="A333" s="78" t="s">
        <v>7</v>
      </c>
      <c r="B333" s="108" t="s">
        <v>596</v>
      </c>
      <c r="C333" s="98" t="s">
        <v>7</v>
      </c>
      <c r="D333" s="52" t="s">
        <v>7</v>
      </c>
      <c r="E333" s="113" t="s">
        <v>593</v>
      </c>
      <c r="F333" s="124" t="s">
        <v>7</v>
      </c>
      <c r="G333" s="53"/>
      <c r="H333" s="90"/>
    </row>
    <row r="334" spans="1:8" ht="12.95" customHeight="1">
      <c r="A334" s="78" t="s">
        <v>7</v>
      </c>
      <c r="B334" s="108" t="s">
        <v>7</v>
      </c>
      <c r="C334" s="98" t="s">
        <v>7</v>
      </c>
      <c r="D334" s="52" t="s">
        <v>594</v>
      </c>
      <c r="E334" s="113" t="s">
        <v>7</v>
      </c>
      <c r="F334" s="52" t="s">
        <v>7</v>
      </c>
      <c r="G334" s="53"/>
      <c r="H334" s="90"/>
    </row>
    <row r="335" spans="1:8" ht="12.95" customHeight="1">
      <c r="A335" s="78" t="s">
        <v>7</v>
      </c>
      <c r="B335" s="109" t="s">
        <v>7</v>
      </c>
      <c r="C335" s="100" t="s">
        <v>7</v>
      </c>
      <c r="D335" s="60" t="s">
        <v>7</v>
      </c>
      <c r="E335" s="112" t="s">
        <v>591</v>
      </c>
      <c r="F335" s="126" t="s">
        <v>7</v>
      </c>
      <c r="G335" s="54"/>
      <c r="H335" s="91"/>
    </row>
    <row r="336" spans="1:8" ht="12.95" customHeight="1">
      <c r="A336" s="78" t="s">
        <v>7</v>
      </c>
      <c r="B336" s="110" t="s">
        <v>597</v>
      </c>
      <c r="C336" s="98" t="s">
        <v>7</v>
      </c>
      <c r="D336" s="52" t="s">
        <v>7</v>
      </c>
      <c r="E336" s="113" t="s">
        <v>7</v>
      </c>
      <c r="F336" s="52" t="s">
        <v>7</v>
      </c>
      <c r="G336" s="53"/>
      <c r="H336" s="90"/>
    </row>
    <row r="337" spans="1:8" ht="12.95" customHeight="1">
      <c r="A337" s="78" t="s">
        <v>7</v>
      </c>
      <c r="B337" s="108" t="s">
        <v>7</v>
      </c>
      <c r="C337" s="98" t="s">
        <v>7</v>
      </c>
      <c r="D337" s="52" t="s">
        <v>7</v>
      </c>
      <c r="E337" s="113" t="s">
        <v>7</v>
      </c>
      <c r="F337" s="52" t="s">
        <v>7</v>
      </c>
      <c r="G337" s="53"/>
      <c r="H337" s="90"/>
    </row>
    <row r="338" spans="1:8" ht="12.95" customHeight="1">
      <c r="A338" s="78" t="s">
        <v>7</v>
      </c>
      <c r="B338" s="109" t="s">
        <v>7</v>
      </c>
      <c r="C338" s="100" t="s">
        <v>7</v>
      </c>
      <c r="D338" s="60" t="s">
        <v>7</v>
      </c>
      <c r="E338" s="112" t="s">
        <v>7</v>
      </c>
      <c r="F338" s="60" t="s">
        <v>7</v>
      </c>
      <c r="G338" s="54"/>
      <c r="H338" s="91" t="s">
        <v>7</v>
      </c>
    </row>
    <row r="339" spans="1:8" ht="12.95" customHeight="1">
      <c r="A339" s="78"/>
      <c r="B339" s="45"/>
      <c r="C339" s="32"/>
      <c r="D339" s="61"/>
      <c r="E339" s="46"/>
      <c r="F339" s="61"/>
      <c r="G339" s="55"/>
      <c r="H339" s="12"/>
    </row>
    <row r="340" spans="1:8" ht="12.95" customHeight="1">
      <c r="A340" s="78"/>
      <c r="B340" s="40"/>
      <c r="C340" s="25"/>
      <c r="D340" s="52"/>
      <c r="E340" s="44"/>
      <c r="F340" s="52"/>
      <c r="G340" s="53"/>
      <c r="H340" s="5"/>
    </row>
    <row r="341" spans="1:8" ht="12.95" customHeight="1">
      <c r="A341" s="78"/>
      <c r="B341" s="42"/>
      <c r="C341" s="28"/>
      <c r="D341" s="60"/>
      <c r="E341" s="43"/>
      <c r="F341" s="60"/>
      <c r="G341" s="54"/>
      <c r="H341" s="8"/>
    </row>
    <row r="342" spans="1:8" ht="12.95" customHeight="1">
      <c r="A342" s="78"/>
      <c r="B342" s="45"/>
      <c r="C342" s="32"/>
      <c r="D342" s="61"/>
      <c r="E342" s="46"/>
      <c r="F342" s="61"/>
      <c r="G342" s="55"/>
      <c r="H342" s="12"/>
    </row>
    <row r="343" spans="1:8" ht="12.95" customHeight="1">
      <c r="A343" s="78"/>
      <c r="B343" s="40"/>
      <c r="C343" s="25"/>
      <c r="D343" s="52"/>
      <c r="E343" s="44"/>
      <c r="F343" s="52"/>
      <c r="G343" s="53"/>
      <c r="H343" s="5"/>
    </row>
    <row r="344" spans="1:8" ht="12.95" customHeight="1">
      <c r="A344" s="78"/>
      <c r="B344" s="42"/>
      <c r="C344" s="28"/>
      <c r="D344" s="60"/>
      <c r="E344" s="43"/>
      <c r="F344" s="60"/>
      <c r="G344" s="54"/>
      <c r="H344" s="8"/>
    </row>
    <row r="345" spans="1:8" ht="12.95" customHeight="1">
      <c r="A345" s="78"/>
      <c r="B345" s="45"/>
      <c r="C345" s="32"/>
      <c r="D345" s="61"/>
      <c r="E345" s="46"/>
      <c r="F345" s="61"/>
      <c r="G345" s="55"/>
      <c r="H345" s="12"/>
    </row>
    <row r="346" spans="1:8" ht="12.95" customHeight="1">
      <c r="A346" s="78"/>
      <c r="B346" s="40"/>
      <c r="C346" s="25"/>
      <c r="D346" s="52"/>
      <c r="E346" s="44"/>
      <c r="F346" s="52"/>
      <c r="G346" s="53"/>
      <c r="H346" s="5"/>
    </row>
    <row r="347" spans="1:8" ht="12.95" customHeight="1">
      <c r="A347" s="78"/>
      <c r="B347" s="42"/>
      <c r="C347" s="28"/>
      <c r="D347" s="60"/>
      <c r="E347" s="43"/>
      <c r="F347" s="60"/>
      <c r="G347" s="54"/>
      <c r="H347" s="8"/>
    </row>
    <row r="348" spans="1:8" ht="12.95" customHeight="1">
      <c r="A348" s="78"/>
      <c r="B348" s="45"/>
      <c r="C348" s="32"/>
      <c r="D348" s="61"/>
      <c r="E348" s="46"/>
      <c r="F348" s="61"/>
      <c r="G348" s="55"/>
      <c r="H348" s="12"/>
    </row>
    <row r="349" spans="1:8" ht="12.95" customHeight="1">
      <c r="A349" s="78"/>
      <c r="B349" s="40"/>
      <c r="C349" s="25"/>
      <c r="D349" s="52"/>
      <c r="E349" s="44"/>
      <c r="F349" s="52"/>
      <c r="G349" s="53"/>
      <c r="H349" s="5"/>
    </row>
    <row r="350" spans="1:8" ht="12.95" customHeight="1">
      <c r="A350" s="78"/>
      <c r="B350" s="42"/>
      <c r="C350" s="28"/>
      <c r="D350" s="60"/>
      <c r="E350" s="43"/>
      <c r="F350" s="60"/>
      <c r="G350" s="54"/>
      <c r="H350" s="8"/>
    </row>
    <row r="351" spans="1:8" ht="12.95" customHeight="1">
      <c r="A351" s="78"/>
      <c r="B351" s="45"/>
      <c r="C351" s="32"/>
      <c r="D351" s="61"/>
      <c r="E351" s="46"/>
      <c r="F351" s="61"/>
      <c r="G351" s="55"/>
      <c r="H351" s="12"/>
    </row>
    <row r="352" spans="1:8" ht="12.95" customHeight="1">
      <c r="A352" s="78"/>
      <c r="B352" s="40"/>
      <c r="C352" s="25"/>
      <c r="D352" s="52"/>
      <c r="E352" s="44"/>
      <c r="F352" s="52"/>
      <c r="G352" s="53"/>
      <c r="H352" s="5"/>
    </row>
    <row r="353" spans="1:8" ht="12.95" customHeight="1">
      <c r="A353" s="78"/>
      <c r="B353" s="42"/>
      <c r="C353" s="28"/>
      <c r="D353" s="60"/>
      <c r="E353" s="43"/>
      <c r="F353" s="60"/>
      <c r="G353" s="54"/>
      <c r="H353" s="8"/>
    </row>
    <row r="354" spans="1:8" ht="12.95" customHeight="1">
      <c r="A354" s="78"/>
      <c r="B354" s="45"/>
      <c r="C354" s="32"/>
      <c r="D354" s="61"/>
      <c r="E354" s="46"/>
      <c r="F354" s="61"/>
      <c r="G354" s="55"/>
      <c r="H354" s="12"/>
    </row>
    <row r="355" spans="1:8" ht="12.95" customHeight="1">
      <c r="A355" s="78"/>
      <c r="B355" s="40"/>
      <c r="C355" s="25"/>
      <c r="D355" s="52"/>
      <c r="E355" s="44"/>
      <c r="F355" s="52"/>
      <c r="G355" s="53"/>
      <c r="H355" s="5"/>
    </row>
    <row r="356" spans="1:8" ht="12.95" customHeight="1">
      <c r="A356" s="78"/>
      <c r="B356" s="42"/>
      <c r="C356" s="28"/>
      <c r="D356" s="60"/>
      <c r="E356" s="43"/>
      <c r="F356" s="60"/>
      <c r="G356" s="54"/>
      <c r="H356" s="8"/>
    </row>
    <row r="357" spans="1:8" ht="12.95" customHeight="1">
      <c r="A357" s="78"/>
      <c r="B357" s="45"/>
      <c r="C357" s="32"/>
      <c r="D357" s="61"/>
      <c r="E357" s="46"/>
      <c r="F357" s="61"/>
      <c r="G357" s="55"/>
      <c r="H357" s="12"/>
    </row>
    <row r="358" spans="1:8" ht="12.95" customHeight="1">
      <c r="A358" s="78"/>
      <c r="B358" s="40"/>
      <c r="C358" s="25"/>
      <c r="D358" s="52"/>
      <c r="E358" s="44"/>
      <c r="F358" s="52"/>
      <c r="G358" s="53"/>
      <c r="H358" s="5"/>
    </row>
    <row r="359" spans="1:8" ht="12.95" customHeight="1">
      <c r="A359" s="78"/>
      <c r="B359" s="42"/>
      <c r="C359" s="28"/>
      <c r="D359" s="60"/>
      <c r="E359" s="43"/>
      <c r="F359" s="60"/>
      <c r="G359" s="54"/>
      <c r="H359" s="8"/>
    </row>
    <row r="360" spans="1:8" ht="12.95" customHeight="1">
      <c r="A360" s="78"/>
      <c r="B360" s="45"/>
      <c r="C360" s="32"/>
      <c r="D360" s="61"/>
      <c r="E360" s="47"/>
      <c r="F360" s="65"/>
      <c r="G360" s="55"/>
      <c r="H360" s="12"/>
    </row>
    <row r="361" spans="1:8" ht="12.95" customHeight="1">
      <c r="A361" s="78"/>
      <c r="B361" s="40"/>
      <c r="C361" s="25"/>
      <c r="D361" s="52"/>
      <c r="E361" s="44"/>
      <c r="F361" s="52"/>
      <c r="G361" s="53"/>
      <c r="H361" s="5"/>
    </row>
    <row r="362" spans="1:8" ht="12.95" customHeight="1">
      <c r="A362" s="78"/>
      <c r="B362" s="42"/>
      <c r="C362" s="28"/>
      <c r="D362" s="60"/>
      <c r="E362" s="43"/>
      <c r="F362" s="60"/>
      <c r="G362" s="54"/>
      <c r="H362" s="8"/>
    </row>
    <row r="363" spans="1:8" ht="12.95" customHeight="1">
      <c r="A363" s="78"/>
      <c r="B363" s="45"/>
      <c r="C363" s="32"/>
      <c r="D363" s="61"/>
      <c r="E363" s="46"/>
      <c r="F363" s="61"/>
      <c r="G363" s="55"/>
      <c r="H363" s="12"/>
    </row>
    <row r="364" spans="1:8" ht="12.95" customHeight="1">
      <c r="A364" s="78"/>
      <c r="B364" s="40"/>
      <c r="C364" s="25"/>
      <c r="D364" s="52"/>
      <c r="E364" s="44"/>
      <c r="F364" s="52"/>
      <c r="G364" s="53"/>
      <c r="H364" s="5"/>
    </row>
    <row r="365" spans="1:8" ht="12.95" customHeight="1">
      <c r="A365" s="78"/>
      <c r="B365" s="42"/>
      <c r="C365" s="28"/>
      <c r="D365" s="60"/>
      <c r="E365" s="43"/>
      <c r="F365" s="60"/>
      <c r="G365" s="54"/>
      <c r="H365" s="8"/>
    </row>
    <row r="366" spans="1:8" ht="12.95" customHeight="1">
      <c r="A366" s="78"/>
      <c r="B366" s="45"/>
      <c r="C366" s="32"/>
      <c r="D366" s="61"/>
      <c r="E366" s="46"/>
      <c r="F366" s="61"/>
      <c r="G366" s="55"/>
      <c r="H366" s="12"/>
    </row>
    <row r="367" spans="1:8" ht="12.95" customHeight="1">
      <c r="A367" s="78"/>
      <c r="B367" s="40"/>
      <c r="C367" s="25"/>
      <c r="D367" s="52"/>
      <c r="E367" s="44"/>
      <c r="F367" s="52"/>
      <c r="G367" s="53"/>
      <c r="H367" s="5"/>
    </row>
    <row r="368" spans="1:8" ht="12.95" customHeight="1">
      <c r="A368" s="78"/>
      <c r="B368" s="42"/>
      <c r="C368" s="28"/>
      <c r="D368" s="60"/>
      <c r="E368" s="43"/>
      <c r="F368" s="60"/>
      <c r="G368" s="54"/>
      <c r="H368" s="8"/>
    </row>
    <row r="369" spans="1:8" ht="12.95" customHeight="1">
      <c r="A369" s="78"/>
      <c r="B369" s="45"/>
      <c r="C369" s="32"/>
      <c r="D369" s="61"/>
      <c r="E369" s="46"/>
      <c r="F369" s="61"/>
      <c r="G369" s="55"/>
      <c r="H369" s="12"/>
    </row>
    <row r="370" spans="1:8" ht="12.95" customHeight="1">
      <c r="A370" s="78"/>
      <c r="B370" s="40"/>
      <c r="C370" s="25"/>
      <c r="D370" s="52"/>
      <c r="E370" s="41"/>
      <c r="F370" s="64"/>
      <c r="G370" s="53"/>
      <c r="H370" s="5"/>
    </row>
    <row r="371" spans="1:8" ht="12.95" customHeight="1">
      <c r="A371" s="78"/>
      <c r="B371" s="42"/>
      <c r="C371" s="28"/>
      <c r="D371" s="60"/>
      <c r="E371" s="43"/>
      <c r="F371" s="60"/>
      <c r="G371" s="54"/>
      <c r="H371" s="8"/>
    </row>
    <row r="372" spans="1:8" ht="12.95" customHeight="1">
      <c r="A372" s="78"/>
      <c r="B372" s="45"/>
      <c r="C372" s="32"/>
      <c r="D372" s="61"/>
      <c r="E372" s="46"/>
      <c r="F372" s="61"/>
      <c r="G372" s="55"/>
      <c r="H372" s="12"/>
    </row>
    <row r="373" spans="1:8" ht="12.95" customHeight="1">
      <c r="A373" s="78"/>
      <c r="B373" s="40"/>
      <c r="C373" s="25"/>
      <c r="D373" s="52"/>
      <c r="E373" s="44"/>
      <c r="F373" s="52"/>
      <c r="G373" s="53"/>
      <c r="H373" s="5"/>
    </row>
    <row r="374" spans="1:8" ht="12.95" customHeight="1">
      <c r="A374" s="78"/>
      <c r="B374" s="42"/>
      <c r="C374" s="28"/>
      <c r="D374" s="60"/>
      <c r="E374" s="43"/>
      <c r="F374" s="60"/>
      <c r="G374" s="54"/>
      <c r="H374" s="8"/>
    </row>
    <row r="375" spans="1:8" ht="12.95" customHeight="1">
      <c r="A375" s="78"/>
      <c r="B375" s="45"/>
      <c r="C375" s="32"/>
      <c r="D375" s="61"/>
      <c r="E375" s="46"/>
      <c r="F375" s="61"/>
      <c r="G375" s="55"/>
      <c r="H375" s="12"/>
    </row>
    <row r="376" spans="1:8" ht="12.95" customHeight="1">
      <c r="A376" s="78"/>
      <c r="B376" s="40"/>
      <c r="C376" s="25"/>
      <c r="D376" s="52"/>
      <c r="E376" s="44"/>
      <c r="F376" s="52"/>
      <c r="G376" s="53"/>
      <c r="H376" s="5"/>
    </row>
    <row r="377" spans="1:8" ht="12.95" customHeight="1">
      <c r="A377" s="78"/>
      <c r="B377" s="42"/>
      <c r="C377" s="28"/>
      <c r="D377" s="60"/>
      <c r="E377" s="43"/>
      <c r="F377" s="60"/>
      <c r="G377" s="54"/>
      <c r="H377" s="8"/>
    </row>
    <row r="378" spans="1:8" ht="12.95" customHeight="1">
      <c r="A378" s="78"/>
      <c r="B378" s="45"/>
      <c r="C378" s="32"/>
      <c r="D378" s="61"/>
      <c r="E378" s="46"/>
      <c r="F378" s="61"/>
      <c r="G378" s="55"/>
      <c r="H378" s="12"/>
    </row>
    <row r="379" spans="1:8" ht="12.95" customHeight="1">
      <c r="A379" s="78"/>
      <c r="B379" s="40"/>
      <c r="C379" s="25"/>
      <c r="D379" s="52"/>
      <c r="E379" s="44"/>
      <c r="F379" s="52"/>
      <c r="G379" s="53"/>
      <c r="H379" s="5"/>
    </row>
    <row r="380" spans="1:8" ht="12.95" customHeight="1">
      <c r="A380" s="78"/>
      <c r="B380" s="42"/>
      <c r="C380" s="28"/>
      <c r="D380" s="60"/>
      <c r="E380" s="48"/>
      <c r="F380" s="66"/>
      <c r="G380" s="54"/>
      <c r="H380" s="8"/>
    </row>
    <row r="381" spans="1:8" ht="12.95" customHeight="1">
      <c r="A381" s="78"/>
      <c r="B381" s="45"/>
      <c r="C381" s="32"/>
      <c r="D381" s="61"/>
      <c r="E381" s="46"/>
      <c r="F381" s="61"/>
      <c r="G381" s="55"/>
      <c r="H381" s="12"/>
    </row>
    <row r="382" spans="1:8" ht="12.95" customHeight="1">
      <c r="A382" s="78"/>
      <c r="B382" s="40"/>
      <c r="C382" s="25"/>
      <c r="D382" s="62"/>
      <c r="E382" s="44"/>
      <c r="F382" s="62"/>
      <c r="G382" s="53"/>
      <c r="H382" s="5"/>
    </row>
    <row r="383" spans="1:8" ht="12.95" customHeight="1">
      <c r="A383" s="78"/>
      <c r="B383" s="50"/>
      <c r="C383" s="38"/>
      <c r="D383" s="63"/>
      <c r="E383" s="51"/>
      <c r="F383" s="63"/>
      <c r="G383" s="57"/>
      <c r="H383" s="18"/>
    </row>
    <row r="384" spans="1:8" ht="0.95" customHeight="1">
      <c r="B384" s="19"/>
      <c r="C384" s="19"/>
      <c r="D384" s="19"/>
      <c r="E384" s="19"/>
      <c r="F384" s="67"/>
      <c r="G384" s="19"/>
      <c r="H384" s="19"/>
    </row>
    <row r="385" spans="1:8" s="1" customFormat="1" ht="18" customHeight="1">
      <c r="B385" s="79" t="s">
        <v>598</v>
      </c>
      <c r="C385" s="79"/>
      <c r="D385" s="79"/>
      <c r="E385" s="79"/>
      <c r="F385" s="79"/>
      <c r="G385" s="79"/>
      <c r="H385" s="80"/>
    </row>
    <row r="386" spans="1:8" ht="21" customHeight="1">
      <c r="A386" s="78"/>
      <c r="B386" s="207" t="s">
        <v>599</v>
      </c>
      <c r="C386" s="208"/>
      <c r="D386" s="208" t="s">
        <v>600</v>
      </c>
      <c r="E386" s="208"/>
      <c r="F386" s="208"/>
      <c r="G386" s="208"/>
      <c r="H386" s="209"/>
    </row>
    <row r="387" spans="1:8" ht="21" customHeight="1">
      <c r="A387" s="78"/>
      <c r="B387" s="105" t="s">
        <v>601</v>
      </c>
      <c r="C387" s="106" t="s">
        <v>602</v>
      </c>
      <c r="D387" s="106" t="s">
        <v>603</v>
      </c>
      <c r="E387" s="106" t="s">
        <v>604</v>
      </c>
      <c r="F387" s="106" t="s">
        <v>605</v>
      </c>
      <c r="G387" s="106" t="s">
        <v>606</v>
      </c>
      <c r="H387" s="107" t="s">
        <v>607</v>
      </c>
    </row>
    <row r="388" spans="1:8" ht="12.95" customHeight="1">
      <c r="A388" s="78" t="s">
        <v>7</v>
      </c>
      <c r="B388" s="108" t="s">
        <v>595</v>
      </c>
      <c r="C388" s="98" t="s">
        <v>7</v>
      </c>
      <c r="D388" s="52" t="s">
        <v>7</v>
      </c>
      <c r="E388" s="113" t="s">
        <v>593</v>
      </c>
      <c r="F388" s="124" t="s">
        <v>7</v>
      </c>
      <c r="G388" s="53" t="s">
        <v>7</v>
      </c>
      <c r="H388" s="90"/>
    </row>
    <row r="389" spans="1:8" ht="12.95" customHeight="1">
      <c r="A389" s="78" t="s">
        <v>7</v>
      </c>
      <c r="B389" s="108" t="s">
        <v>7</v>
      </c>
      <c r="C389" s="98" t="s">
        <v>7</v>
      </c>
      <c r="D389" s="52" t="s">
        <v>594</v>
      </c>
      <c r="E389" s="113" t="s">
        <v>7</v>
      </c>
      <c r="F389" s="52" t="s">
        <v>7</v>
      </c>
      <c r="G389" s="53"/>
      <c r="H389" s="90" t="s">
        <v>7</v>
      </c>
    </row>
    <row r="390" spans="1:8" ht="12.95" customHeight="1">
      <c r="A390" s="78" t="s">
        <v>7</v>
      </c>
      <c r="B390" s="109" t="s">
        <v>7</v>
      </c>
      <c r="C390" s="100" t="s">
        <v>7</v>
      </c>
      <c r="D390" s="60" t="s">
        <v>7</v>
      </c>
      <c r="E390" s="112" t="s">
        <v>591</v>
      </c>
      <c r="F390" s="126" t="s">
        <v>7</v>
      </c>
      <c r="G390" s="54"/>
      <c r="H390" s="91" t="s">
        <v>7</v>
      </c>
    </row>
    <row r="391" spans="1:8" ht="12.95" customHeight="1">
      <c r="A391" s="78" t="s">
        <v>7</v>
      </c>
      <c r="B391" s="110" t="s">
        <v>597</v>
      </c>
      <c r="C391" s="98" t="s">
        <v>7</v>
      </c>
      <c r="D391" s="52" t="s">
        <v>7</v>
      </c>
      <c r="E391" s="113" t="s">
        <v>7</v>
      </c>
      <c r="F391" s="52" t="s">
        <v>7</v>
      </c>
      <c r="G391" s="53"/>
      <c r="H391" s="90" t="s">
        <v>7</v>
      </c>
    </row>
    <row r="392" spans="1:8" ht="12.95" customHeight="1">
      <c r="A392" s="78" t="s">
        <v>7</v>
      </c>
      <c r="B392" s="108" t="s">
        <v>7</v>
      </c>
      <c r="C392" s="98" t="s">
        <v>7</v>
      </c>
      <c r="D392" s="52" t="s">
        <v>7</v>
      </c>
      <c r="E392" s="113" t="s">
        <v>7</v>
      </c>
      <c r="F392" s="52" t="s">
        <v>7</v>
      </c>
      <c r="G392" s="53"/>
      <c r="H392" s="90" t="s">
        <v>7</v>
      </c>
    </row>
    <row r="393" spans="1:8" ht="12.95" customHeight="1">
      <c r="A393" s="78" t="s">
        <v>7</v>
      </c>
      <c r="B393" s="109" t="s">
        <v>7</v>
      </c>
      <c r="C393" s="100" t="s">
        <v>7</v>
      </c>
      <c r="D393" s="60" t="s">
        <v>7</v>
      </c>
      <c r="E393" s="112" t="s">
        <v>7</v>
      </c>
      <c r="F393" s="60" t="s">
        <v>7</v>
      </c>
      <c r="G393" s="54"/>
      <c r="H393" s="91" t="s">
        <v>7</v>
      </c>
    </row>
    <row r="394" spans="1:8" ht="12.95" customHeight="1">
      <c r="A394" s="78"/>
      <c r="B394" s="45"/>
      <c r="C394" s="32"/>
      <c r="D394" s="61"/>
      <c r="E394" s="46"/>
      <c r="F394" s="61"/>
      <c r="G394" s="55"/>
      <c r="H394" s="12"/>
    </row>
    <row r="395" spans="1:8" ht="12.95" customHeight="1">
      <c r="A395" s="78"/>
      <c r="B395" s="40"/>
      <c r="C395" s="25"/>
      <c r="D395" s="52"/>
      <c r="E395" s="44"/>
      <c r="F395" s="52"/>
      <c r="G395" s="53"/>
      <c r="H395" s="5"/>
    </row>
    <row r="396" spans="1:8" ht="12.95" customHeight="1">
      <c r="A396" s="78"/>
      <c r="B396" s="42"/>
      <c r="C396" s="28"/>
      <c r="D396" s="60"/>
      <c r="E396" s="43"/>
      <c r="F396" s="60"/>
      <c r="G396" s="54"/>
      <c r="H396" s="8"/>
    </row>
    <row r="397" spans="1:8" ht="12.95" customHeight="1">
      <c r="A397" s="78"/>
      <c r="B397" s="45"/>
      <c r="C397" s="32"/>
      <c r="D397" s="61"/>
      <c r="E397" s="46"/>
      <c r="F397" s="61"/>
      <c r="G397" s="55"/>
      <c r="H397" s="12"/>
    </row>
    <row r="398" spans="1:8" ht="12.95" customHeight="1">
      <c r="A398" s="78"/>
      <c r="B398" s="40"/>
      <c r="C398" s="25"/>
      <c r="D398" s="52"/>
      <c r="E398" s="44"/>
      <c r="F398" s="52"/>
      <c r="G398" s="53"/>
      <c r="H398" s="5"/>
    </row>
    <row r="399" spans="1:8" ht="12.95" customHeight="1">
      <c r="A399" s="78"/>
      <c r="B399" s="42"/>
      <c r="C399" s="28"/>
      <c r="D399" s="60"/>
      <c r="E399" s="43"/>
      <c r="F399" s="60"/>
      <c r="G399" s="54"/>
      <c r="H399" s="8"/>
    </row>
    <row r="400" spans="1:8" ht="12.95" customHeight="1">
      <c r="A400" s="78"/>
      <c r="B400" s="45"/>
      <c r="C400" s="32"/>
      <c r="D400" s="61"/>
      <c r="E400" s="46"/>
      <c r="F400" s="61"/>
      <c r="G400" s="55"/>
      <c r="H400" s="12"/>
    </row>
    <row r="401" spans="1:8" ht="12.95" customHeight="1">
      <c r="A401" s="78"/>
      <c r="B401" s="40"/>
      <c r="C401" s="25"/>
      <c r="D401" s="52"/>
      <c r="E401" s="44"/>
      <c r="F401" s="52"/>
      <c r="G401" s="53"/>
      <c r="H401" s="5"/>
    </row>
    <row r="402" spans="1:8" ht="12.95" customHeight="1">
      <c r="A402" s="78"/>
      <c r="B402" s="42"/>
      <c r="C402" s="28"/>
      <c r="D402" s="60"/>
      <c r="E402" s="43"/>
      <c r="F402" s="60"/>
      <c r="G402" s="54"/>
      <c r="H402" s="8"/>
    </row>
    <row r="403" spans="1:8" ht="12.95" customHeight="1">
      <c r="A403" s="78"/>
      <c r="B403" s="45"/>
      <c r="C403" s="32"/>
      <c r="D403" s="61"/>
      <c r="E403" s="46"/>
      <c r="F403" s="61"/>
      <c r="G403" s="55"/>
      <c r="H403" s="12"/>
    </row>
    <row r="404" spans="1:8" ht="12.95" customHeight="1">
      <c r="A404" s="78"/>
      <c r="B404" s="40"/>
      <c r="C404" s="25"/>
      <c r="D404" s="52"/>
      <c r="E404" s="44"/>
      <c r="F404" s="52"/>
      <c r="G404" s="53"/>
      <c r="H404" s="5"/>
    </row>
    <row r="405" spans="1:8" ht="12.95" customHeight="1">
      <c r="A405" s="78"/>
      <c r="B405" s="42"/>
      <c r="C405" s="28"/>
      <c r="D405" s="60"/>
      <c r="E405" s="43"/>
      <c r="F405" s="60"/>
      <c r="G405" s="54"/>
      <c r="H405" s="8"/>
    </row>
    <row r="406" spans="1:8" ht="12.95" customHeight="1">
      <c r="A406" s="78"/>
      <c r="B406" s="45"/>
      <c r="C406" s="32"/>
      <c r="D406" s="61"/>
      <c r="E406" s="46"/>
      <c r="F406" s="61"/>
      <c r="G406" s="55"/>
      <c r="H406" s="12"/>
    </row>
    <row r="407" spans="1:8" ht="12.95" customHeight="1">
      <c r="A407" s="78"/>
      <c r="B407" s="40"/>
      <c r="C407" s="25"/>
      <c r="D407" s="52"/>
      <c r="E407" s="44"/>
      <c r="F407" s="52"/>
      <c r="G407" s="53"/>
      <c r="H407" s="5"/>
    </row>
    <row r="408" spans="1:8" ht="12.95" customHeight="1">
      <c r="A408" s="78"/>
      <c r="B408" s="42"/>
      <c r="C408" s="28"/>
      <c r="D408" s="60"/>
      <c r="E408" s="43"/>
      <c r="F408" s="60"/>
      <c r="G408" s="54"/>
      <c r="H408" s="8"/>
    </row>
    <row r="409" spans="1:8" ht="12.95" customHeight="1">
      <c r="A409" s="78"/>
      <c r="B409" s="45"/>
      <c r="C409" s="32"/>
      <c r="D409" s="61"/>
      <c r="E409" s="46"/>
      <c r="F409" s="61"/>
      <c r="G409" s="55"/>
      <c r="H409" s="12"/>
    </row>
    <row r="410" spans="1:8" ht="12.95" customHeight="1">
      <c r="A410" s="78"/>
      <c r="B410" s="40"/>
      <c r="C410" s="25"/>
      <c r="D410" s="52"/>
      <c r="E410" s="44"/>
      <c r="F410" s="52"/>
      <c r="G410" s="53"/>
      <c r="H410" s="5"/>
    </row>
    <row r="411" spans="1:8" ht="12.95" customHeight="1">
      <c r="A411" s="78"/>
      <c r="B411" s="42"/>
      <c r="C411" s="28"/>
      <c r="D411" s="60"/>
      <c r="E411" s="43"/>
      <c r="F411" s="60"/>
      <c r="G411" s="54"/>
      <c r="H411" s="8"/>
    </row>
    <row r="412" spans="1:8" ht="12.95" customHeight="1">
      <c r="A412" s="78"/>
      <c r="B412" s="45"/>
      <c r="C412" s="32"/>
      <c r="D412" s="61"/>
      <c r="E412" s="46"/>
      <c r="F412" s="61"/>
      <c r="G412" s="55"/>
      <c r="H412" s="12"/>
    </row>
    <row r="413" spans="1:8" ht="12.95" customHeight="1">
      <c r="A413" s="78"/>
      <c r="B413" s="40"/>
      <c r="C413" s="25"/>
      <c r="D413" s="52"/>
      <c r="E413" s="44"/>
      <c r="F413" s="52"/>
      <c r="G413" s="53"/>
      <c r="H413" s="5"/>
    </row>
    <row r="414" spans="1:8" ht="12.95" customHeight="1">
      <c r="A414" s="78"/>
      <c r="B414" s="42"/>
      <c r="C414" s="28"/>
      <c r="D414" s="60"/>
      <c r="E414" s="43"/>
      <c r="F414" s="60"/>
      <c r="G414" s="54"/>
      <c r="H414" s="8"/>
    </row>
    <row r="415" spans="1:8" ht="12.95" customHeight="1">
      <c r="A415" s="78"/>
      <c r="B415" s="45"/>
      <c r="C415" s="32"/>
      <c r="D415" s="61"/>
      <c r="E415" s="46"/>
      <c r="F415" s="61"/>
      <c r="G415" s="55"/>
      <c r="H415" s="12"/>
    </row>
    <row r="416" spans="1:8" ht="12.95" customHeight="1">
      <c r="A416" s="78"/>
      <c r="B416" s="40"/>
      <c r="C416" s="25"/>
      <c r="D416" s="52"/>
      <c r="E416" s="44"/>
      <c r="F416" s="52"/>
      <c r="G416" s="53"/>
      <c r="H416" s="5"/>
    </row>
    <row r="417" spans="1:8" ht="12.95" customHeight="1">
      <c r="A417" s="78"/>
      <c r="B417" s="42"/>
      <c r="C417" s="28"/>
      <c r="D417" s="60"/>
      <c r="E417" s="43"/>
      <c r="F417" s="60"/>
      <c r="G417" s="54"/>
      <c r="H417" s="8"/>
    </row>
    <row r="418" spans="1:8" ht="12.95" customHeight="1">
      <c r="A418" s="78"/>
      <c r="B418" s="45"/>
      <c r="C418" s="32"/>
      <c r="D418" s="61"/>
      <c r="E418" s="46"/>
      <c r="F418" s="61"/>
      <c r="G418" s="55"/>
      <c r="H418" s="12"/>
    </row>
    <row r="419" spans="1:8" ht="12.95" customHeight="1">
      <c r="A419" s="78"/>
      <c r="B419" s="40"/>
      <c r="C419" s="25"/>
      <c r="D419" s="52"/>
      <c r="E419" s="44"/>
      <c r="F419" s="52"/>
      <c r="G419" s="53"/>
      <c r="H419" s="5"/>
    </row>
    <row r="420" spans="1:8" ht="12.95" customHeight="1">
      <c r="A420" s="78"/>
      <c r="B420" s="42"/>
      <c r="C420" s="28"/>
      <c r="D420" s="60"/>
      <c r="E420" s="43"/>
      <c r="F420" s="60"/>
      <c r="G420" s="54"/>
      <c r="H420" s="8"/>
    </row>
    <row r="421" spans="1:8" ht="12.95" customHeight="1">
      <c r="A421" s="78"/>
      <c r="B421" s="45"/>
      <c r="C421" s="32"/>
      <c r="D421" s="61"/>
      <c r="E421" s="46"/>
      <c r="F421" s="61"/>
      <c r="G421" s="55"/>
      <c r="H421" s="12"/>
    </row>
    <row r="422" spans="1:8" ht="12.95" customHeight="1">
      <c r="A422" s="78"/>
      <c r="B422" s="40"/>
      <c r="C422" s="25"/>
      <c r="D422" s="52"/>
      <c r="E422" s="44"/>
      <c r="F422" s="52"/>
      <c r="G422" s="53"/>
      <c r="H422" s="5"/>
    </row>
    <row r="423" spans="1:8" ht="12.95" customHeight="1">
      <c r="A423" s="78"/>
      <c r="B423" s="42"/>
      <c r="C423" s="28"/>
      <c r="D423" s="60"/>
      <c r="E423" s="43"/>
      <c r="F423" s="60"/>
      <c r="G423" s="54"/>
      <c r="H423" s="8"/>
    </row>
    <row r="424" spans="1:8" ht="12.95" customHeight="1">
      <c r="A424" s="78"/>
      <c r="B424" s="45"/>
      <c r="C424" s="32"/>
      <c r="D424" s="61"/>
      <c r="E424" s="47"/>
      <c r="F424" s="65"/>
      <c r="G424" s="55"/>
      <c r="H424" s="12"/>
    </row>
    <row r="425" spans="1:8" ht="12.95" customHeight="1">
      <c r="A425" s="78"/>
      <c r="B425" s="40"/>
      <c r="C425" s="25"/>
      <c r="D425" s="52"/>
      <c r="E425" s="44"/>
      <c r="F425" s="52"/>
      <c r="G425" s="53"/>
      <c r="H425" s="5"/>
    </row>
    <row r="426" spans="1:8" ht="12.95" customHeight="1">
      <c r="A426" s="78"/>
      <c r="B426" s="42"/>
      <c r="C426" s="28"/>
      <c r="D426" s="60"/>
      <c r="E426" s="43"/>
      <c r="F426" s="60"/>
      <c r="G426" s="54"/>
      <c r="H426" s="8"/>
    </row>
    <row r="427" spans="1:8" ht="12.95" customHeight="1">
      <c r="A427" s="78"/>
      <c r="B427" s="45"/>
      <c r="C427" s="32"/>
      <c r="D427" s="61"/>
      <c r="E427" s="46"/>
      <c r="F427" s="61"/>
      <c r="G427" s="55"/>
      <c r="H427" s="12"/>
    </row>
    <row r="428" spans="1:8" ht="12.95" customHeight="1">
      <c r="A428" s="78"/>
      <c r="B428" s="40"/>
      <c r="C428" s="25"/>
      <c r="D428" s="52"/>
      <c r="E428" s="44"/>
      <c r="F428" s="52"/>
      <c r="G428" s="53"/>
      <c r="H428" s="5"/>
    </row>
    <row r="429" spans="1:8" ht="12.95" customHeight="1">
      <c r="A429" s="78"/>
      <c r="B429" s="42"/>
      <c r="C429" s="28"/>
      <c r="D429" s="60"/>
      <c r="E429" s="43"/>
      <c r="F429" s="60"/>
      <c r="G429" s="54"/>
      <c r="H429" s="8"/>
    </row>
    <row r="430" spans="1:8" ht="12.95" customHeight="1">
      <c r="A430" s="78"/>
      <c r="B430" s="45"/>
      <c r="C430" s="32"/>
      <c r="D430" s="61"/>
      <c r="E430" s="46"/>
      <c r="F430" s="61"/>
      <c r="G430" s="55"/>
      <c r="H430" s="12"/>
    </row>
    <row r="431" spans="1:8" ht="12.95" customHeight="1">
      <c r="A431" s="78"/>
      <c r="B431" s="40"/>
      <c r="C431" s="25"/>
      <c r="D431" s="52"/>
      <c r="E431" s="44"/>
      <c r="F431" s="52"/>
      <c r="G431" s="53"/>
      <c r="H431" s="5"/>
    </row>
    <row r="432" spans="1:8" ht="12.95" customHeight="1">
      <c r="A432" s="78"/>
      <c r="B432" s="42"/>
      <c r="C432" s="28"/>
      <c r="D432" s="60"/>
      <c r="E432" s="43"/>
      <c r="F432" s="60"/>
      <c r="G432" s="54"/>
      <c r="H432" s="8"/>
    </row>
    <row r="433" spans="1:8" ht="12.95" customHeight="1">
      <c r="A433" s="78"/>
      <c r="B433" s="45"/>
      <c r="C433" s="32"/>
      <c r="D433" s="61"/>
      <c r="E433" s="46"/>
      <c r="F433" s="61"/>
      <c r="G433" s="55"/>
      <c r="H433" s="12"/>
    </row>
    <row r="434" spans="1:8" ht="12.95" customHeight="1">
      <c r="A434" s="78"/>
      <c r="B434" s="40"/>
      <c r="C434" s="25"/>
      <c r="D434" s="52"/>
      <c r="E434" s="41"/>
      <c r="F434" s="64"/>
      <c r="G434" s="53"/>
      <c r="H434" s="5"/>
    </row>
    <row r="435" spans="1:8" ht="12.95" customHeight="1">
      <c r="A435" s="78"/>
      <c r="B435" s="42"/>
      <c r="C435" s="28"/>
      <c r="D435" s="60"/>
      <c r="E435" s="43"/>
      <c r="F435" s="60"/>
      <c r="G435" s="54"/>
      <c r="H435" s="8"/>
    </row>
    <row r="436" spans="1:8" ht="12.95" customHeight="1">
      <c r="A436" s="78"/>
      <c r="B436" s="45"/>
      <c r="C436" s="32"/>
      <c r="D436" s="61"/>
      <c r="E436" s="46"/>
      <c r="F436" s="61"/>
      <c r="G436" s="55"/>
      <c r="H436" s="12"/>
    </row>
    <row r="437" spans="1:8" ht="12.95" customHeight="1">
      <c r="A437" s="78"/>
      <c r="B437" s="40"/>
      <c r="C437" s="25"/>
      <c r="D437" s="52"/>
      <c r="E437" s="44"/>
      <c r="F437" s="52"/>
      <c r="G437" s="53"/>
      <c r="H437" s="5"/>
    </row>
    <row r="438" spans="1:8" ht="12.95" customHeight="1">
      <c r="A438" s="78"/>
      <c r="B438" s="42"/>
      <c r="C438" s="28"/>
      <c r="D438" s="60"/>
      <c r="E438" s="43"/>
      <c r="F438" s="60"/>
      <c r="G438" s="54"/>
      <c r="H438" s="8"/>
    </row>
    <row r="439" spans="1:8" ht="12.95" customHeight="1">
      <c r="A439" s="78"/>
      <c r="B439" s="45"/>
      <c r="C439" s="32"/>
      <c r="D439" s="61"/>
      <c r="E439" s="46"/>
      <c r="F439" s="61"/>
      <c r="G439" s="55"/>
      <c r="H439" s="12"/>
    </row>
    <row r="440" spans="1:8" ht="12.95" customHeight="1">
      <c r="A440" s="78"/>
      <c r="B440" s="40"/>
      <c r="C440" s="25"/>
      <c r="D440" s="52"/>
      <c r="E440" s="44"/>
      <c r="F440" s="52"/>
      <c r="G440" s="53"/>
      <c r="H440" s="5"/>
    </row>
    <row r="441" spans="1:8" ht="12.95" customHeight="1">
      <c r="A441" s="78"/>
      <c r="B441" s="42"/>
      <c r="C441" s="28"/>
      <c r="D441" s="60"/>
      <c r="E441" s="43"/>
      <c r="F441" s="60"/>
      <c r="G441" s="54"/>
      <c r="H441" s="8"/>
    </row>
    <row r="442" spans="1:8" ht="12.95" customHeight="1">
      <c r="A442" s="78"/>
      <c r="B442" s="45"/>
      <c r="C442" s="32"/>
      <c r="D442" s="61"/>
      <c r="E442" s="46"/>
      <c r="F442" s="61"/>
      <c r="G442" s="55"/>
      <c r="H442" s="12"/>
    </row>
    <row r="443" spans="1:8" ht="12.95" customHeight="1">
      <c r="A443" s="78"/>
      <c r="B443" s="40"/>
      <c r="C443" s="25"/>
      <c r="D443" s="52"/>
      <c r="E443" s="44"/>
      <c r="F443" s="52"/>
      <c r="G443" s="53"/>
      <c r="H443" s="5"/>
    </row>
    <row r="444" spans="1:8" ht="12.95" customHeight="1">
      <c r="A444" s="78"/>
      <c r="B444" s="42"/>
      <c r="C444" s="28"/>
      <c r="D444" s="60"/>
      <c r="E444" s="48"/>
      <c r="F444" s="66"/>
      <c r="G444" s="54"/>
      <c r="H444" s="8"/>
    </row>
    <row r="445" spans="1:8" ht="12.95" customHeight="1">
      <c r="A445" s="78"/>
      <c r="B445" s="45"/>
      <c r="C445" s="32"/>
      <c r="D445" s="61"/>
      <c r="E445" s="46"/>
      <c r="F445" s="61"/>
      <c r="G445" s="55"/>
      <c r="H445" s="12"/>
    </row>
    <row r="446" spans="1:8" ht="12.95" customHeight="1">
      <c r="A446" s="78"/>
      <c r="B446" s="40"/>
      <c r="C446" s="25"/>
      <c r="D446" s="62"/>
      <c r="E446" s="44"/>
      <c r="F446" s="62"/>
      <c r="G446" s="53"/>
      <c r="H446" s="5"/>
    </row>
    <row r="447" spans="1:8" ht="12.95" customHeight="1">
      <c r="A447" s="78"/>
      <c r="B447" s="50"/>
      <c r="C447" s="38"/>
      <c r="D447" s="63"/>
      <c r="E447" s="51"/>
      <c r="F447" s="63"/>
      <c r="G447" s="57"/>
      <c r="H447" s="18"/>
    </row>
    <row r="448" spans="1:8" ht="0.95" customHeight="1">
      <c r="B448" s="19"/>
      <c r="C448" s="19"/>
      <c r="D448" s="19"/>
      <c r="E448" s="19"/>
      <c r="F448" s="67"/>
      <c r="G448" s="19"/>
      <c r="H448" s="19"/>
    </row>
    <row r="449" spans="1:8" s="1" customFormat="1" ht="18" customHeight="1">
      <c r="B449" s="79" t="s">
        <v>608</v>
      </c>
      <c r="C449" s="79"/>
      <c r="D449" s="79"/>
      <c r="E449" s="79"/>
      <c r="F449" s="79"/>
      <c r="G449" s="79"/>
      <c r="H449" s="80"/>
    </row>
    <row r="450" spans="1:8" ht="21" customHeight="1">
      <c r="A450" s="78"/>
      <c r="B450" s="207" t="s">
        <v>609</v>
      </c>
      <c r="C450" s="208"/>
      <c r="D450" s="208" t="s">
        <v>609</v>
      </c>
      <c r="E450" s="208"/>
      <c r="F450" s="208"/>
      <c r="G450" s="208" t="s">
        <v>610</v>
      </c>
      <c r="H450" s="209"/>
    </row>
    <row r="451" spans="1:8" ht="21" customHeight="1">
      <c r="A451" s="78"/>
      <c r="B451" s="105" t="s">
        <v>601</v>
      </c>
      <c r="C451" s="106" t="s">
        <v>602</v>
      </c>
      <c r="D451" s="106" t="s">
        <v>603</v>
      </c>
      <c r="E451" s="106" t="s">
        <v>604</v>
      </c>
      <c r="F451" s="106" t="s">
        <v>605</v>
      </c>
      <c r="G451" s="106" t="s">
        <v>606</v>
      </c>
      <c r="H451" s="107" t="s">
        <v>607</v>
      </c>
    </row>
    <row r="452" spans="1:8" ht="12.95" customHeight="1">
      <c r="A452" s="78" t="s">
        <v>7</v>
      </c>
      <c r="B452" s="108" t="s">
        <v>611</v>
      </c>
      <c r="C452" s="98" t="s">
        <v>7</v>
      </c>
      <c r="D452" s="52" t="s">
        <v>7</v>
      </c>
      <c r="E452" s="113" t="s">
        <v>612</v>
      </c>
      <c r="F452" s="124" t="s">
        <v>7</v>
      </c>
      <c r="G452" s="53" t="s">
        <v>7</v>
      </c>
      <c r="H452" s="90"/>
    </row>
    <row r="453" spans="1:8" ht="12.95" customHeight="1">
      <c r="A453" s="78" t="s">
        <v>7</v>
      </c>
      <c r="B453" s="108" t="s">
        <v>7</v>
      </c>
      <c r="C453" s="98" t="s">
        <v>7</v>
      </c>
      <c r="D453" s="52" t="s">
        <v>594</v>
      </c>
      <c r="E453" s="113" t="s">
        <v>7</v>
      </c>
      <c r="F453" s="52" t="s">
        <v>7</v>
      </c>
      <c r="G453" s="53"/>
      <c r="H453" s="90"/>
    </row>
    <row r="454" spans="1:8" ht="12.95" customHeight="1">
      <c r="A454" s="78" t="s">
        <v>7</v>
      </c>
      <c r="B454" s="109" t="s">
        <v>7</v>
      </c>
      <c r="C454" s="100" t="s">
        <v>7</v>
      </c>
      <c r="D454" s="60" t="s">
        <v>7</v>
      </c>
      <c r="E454" s="112" t="s">
        <v>591</v>
      </c>
      <c r="F454" s="126" t="s">
        <v>7</v>
      </c>
      <c r="G454" s="54"/>
      <c r="H454" s="91"/>
    </row>
    <row r="455" spans="1:8" ht="12.95" customHeight="1">
      <c r="A455" s="78" t="s">
        <v>7</v>
      </c>
      <c r="B455" s="108" t="s">
        <v>613</v>
      </c>
      <c r="C455" s="98" t="s">
        <v>7</v>
      </c>
      <c r="D455" s="52" t="s">
        <v>7</v>
      </c>
      <c r="E455" s="113" t="s">
        <v>612</v>
      </c>
      <c r="F455" s="124" t="s">
        <v>7</v>
      </c>
      <c r="G455" s="53"/>
      <c r="H455" s="90"/>
    </row>
    <row r="456" spans="1:8" ht="12.95" customHeight="1">
      <c r="A456" s="78" t="s">
        <v>7</v>
      </c>
      <c r="B456" s="108" t="s">
        <v>7</v>
      </c>
      <c r="C456" s="98" t="s">
        <v>7</v>
      </c>
      <c r="D456" s="52" t="s">
        <v>594</v>
      </c>
      <c r="E456" s="113" t="s">
        <v>7</v>
      </c>
      <c r="F456" s="52" t="s">
        <v>7</v>
      </c>
      <c r="G456" s="53"/>
      <c r="H456" s="90"/>
    </row>
    <row r="457" spans="1:8" ht="12.95" customHeight="1">
      <c r="A457" s="78" t="s">
        <v>7</v>
      </c>
      <c r="B457" s="109" t="s">
        <v>7</v>
      </c>
      <c r="C457" s="100" t="s">
        <v>7</v>
      </c>
      <c r="D457" s="60" t="s">
        <v>7</v>
      </c>
      <c r="E457" s="112" t="s">
        <v>591</v>
      </c>
      <c r="F457" s="126" t="s">
        <v>7</v>
      </c>
      <c r="G457" s="54"/>
      <c r="H457" s="91"/>
    </row>
    <row r="458" spans="1:8" ht="12.95" customHeight="1">
      <c r="A458" s="78" t="s">
        <v>7</v>
      </c>
      <c r="B458" s="110" t="s">
        <v>597</v>
      </c>
      <c r="C458" s="98" t="s">
        <v>7</v>
      </c>
      <c r="D458" s="52" t="s">
        <v>7</v>
      </c>
      <c r="E458" s="113" t="s">
        <v>7</v>
      </c>
      <c r="F458" s="52" t="s">
        <v>7</v>
      </c>
      <c r="G458" s="53"/>
      <c r="H458" s="90"/>
    </row>
    <row r="459" spans="1:8" ht="12.95" customHeight="1">
      <c r="A459" s="78" t="s">
        <v>7</v>
      </c>
      <c r="B459" s="108" t="s">
        <v>7</v>
      </c>
      <c r="C459" s="98" t="s">
        <v>7</v>
      </c>
      <c r="D459" s="52" t="s">
        <v>7</v>
      </c>
      <c r="E459" s="113" t="s">
        <v>7</v>
      </c>
      <c r="F459" s="52" t="s">
        <v>7</v>
      </c>
      <c r="G459" s="53"/>
      <c r="H459" s="90" t="s">
        <v>7</v>
      </c>
    </row>
    <row r="460" spans="1:8" ht="12.95" customHeight="1">
      <c r="A460" s="78" t="s">
        <v>7</v>
      </c>
      <c r="B460" s="109" t="s">
        <v>7</v>
      </c>
      <c r="C460" s="100" t="s">
        <v>7</v>
      </c>
      <c r="D460" s="60" t="s">
        <v>7</v>
      </c>
      <c r="E460" s="112" t="s">
        <v>7</v>
      </c>
      <c r="F460" s="60" t="s">
        <v>7</v>
      </c>
      <c r="G460" s="54" t="s">
        <v>7</v>
      </c>
      <c r="H460" s="91" t="s">
        <v>7</v>
      </c>
    </row>
    <row r="461" spans="1:8" ht="12.95" customHeight="1">
      <c r="A461" s="78"/>
      <c r="B461" s="45"/>
      <c r="C461" s="32"/>
      <c r="D461" s="61"/>
      <c r="E461" s="46"/>
      <c r="F461" s="61"/>
      <c r="G461" s="55"/>
      <c r="H461" s="12"/>
    </row>
    <row r="462" spans="1:8" ht="12.95" customHeight="1">
      <c r="A462" s="78"/>
      <c r="B462" s="40"/>
      <c r="C462" s="25"/>
      <c r="D462" s="52"/>
      <c r="E462" s="44"/>
      <c r="F462" s="52"/>
      <c r="G462" s="53"/>
      <c r="H462" s="5"/>
    </row>
    <row r="463" spans="1:8" ht="12.95" customHeight="1">
      <c r="A463" s="78"/>
      <c r="B463" s="42"/>
      <c r="C463" s="28"/>
      <c r="D463" s="60"/>
      <c r="E463" s="43"/>
      <c r="F463" s="60"/>
      <c r="G463" s="54"/>
      <c r="H463" s="8"/>
    </row>
    <row r="464" spans="1:8" ht="12.95" customHeight="1">
      <c r="A464" s="78"/>
      <c r="B464" s="45"/>
      <c r="C464" s="32"/>
      <c r="D464" s="61"/>
      <c r="E464" s="46"/>
      <c r="F464" s="61"/>
      <c r="G464" s="55"/>
      <c r="H464" s="12"/>
    </row>
    <row r="465" spans="1:8" ht="12.95" customHeight="1">
      <c r="A465" s="78"/>
      <c r="B465" s="40"/>
      <c r="C465" s="25"/>
      <c r="D465" s="52"/>
      <c r="E465" s="44"/>
      <c r="F465" s="52"/>
      <c r="G465" s="53"/>
      <c r="H465" s="5"/>
    </row>
    <row r="466" spans="1:8" ht="12.95" customHeight="1">
      <c r="A466" s="78"/>
      <c r="B466" s="42"/>
      <c r="C466" s="28"/>
      <c r="D466" s="60"/>
      <c r="E466" s="43"/>
      <c r="F466" s="60"/>
      <c r="G466" s="54"/>
      <c r="H466" s="8"/>
    </row>
    <row r="467" spans="1:8" ht="12.95" customHeight="1">
      <c r="A467" s="78"/>
      <c r="B467" s="45"/>
      <c r="C467" s="32"/>
      <c r="D467" s="61"/>
      <c r="E467" s="46"/>
      <c r="F467" s="61"/>
      <c r="G467" s="55"/>
      <c r="H467" s="12"/>
    </row>
    <row r="468" spans="1:8" ht="12.95" customHeight="1">
      <c r="A468" s="78"/>
      <c r="B468" s="40"/>
      <c r="C468" s="25"/>
      <c r="D468" s="52"/>
      <c r="E468" s="44"/>
      <c r="F468" s="52"/>
      <c r="G468" s="53"/>
      <c r="H468" s="5"/>
    </row>
    <row r="469" spans="1:8" ht="12.95" customHeight="1">
      <c r="A469" s="78"/>
      <c r="B469" s="42"/>
      <c r="C469" s="28"/>
      <c r="D469" s="60"/>
      <c r="E469" s="43"/>
      <c r="F469" s="60"/>
      <c r="G469" s="54"/>
      <c r="H469" s="8"/>
    </row>
    <row r="470" spans="1:8" ht="12.95" customHeight="1">
      <c r="A470" s="78"/>
      <c r="B470" s="45"/>
      <c r="C470" s="32"/>
      <c r="D470" s="61"/>
      <c r="E470" s="46"/>
      <c r="F470" s="61"/>
      <c r="G470" s="55"/>
      <c r="H470" s="12"/>
    </row>
    <row r="471" spans="1:8" ht="12.95" customHeight="1">
      <c r="A471" s="78"/>
      <c r="B471" s="40"/>
      <c r="C471" s="25"/>
      <c r="D471" s="52"/>
      <c r="E471" s="44"/>
      <c r="F471" s="52"/>
      <c r="G471" s="53"/>
      <c r="H471" s="5"/>
    </row>
    <row r="472" spans="1:8" ht="12.95" customHeight="1">
      <c r="A472" s="78"/>
      <c r="B472" s="42"/>
      <c r="C472" s="28"/>
      <c r="D472" s="60"/>
      <c r="E472" s="43"/>
      <c r="F472" s="60"/>
      <c r="G472" s="54"/>
      <c r="H472" s="8"/>
    </row>
    <row r="473" spans="1:8" ht="12.95" customHeight="1">
      <c r="A473" s="78"/>
      <c r="B473" s="45"/>
      <c r="C473" s="32"/>
      <c r="D473" s="61"/>
      <c r="E473" s="46"/>
      <c r="F473" s="61"/>
      <c r="G473" s="55"/>
      <c r="H473" s="12"/>
    </row>
    <row r="474" spans="1:8" ht="12.95" customHeight="1">
      <c r="A474" s="78"/>
      <c r="B474" s="40"/>
      <c r="C474" s="25"/>
      <c r="D474" s="52"/>
      <c r="E474" s="44"/>
      <c r="F474" s="52"/>
      <c r="G474" s="53"/>
      <c r="H474" s="5"/>
    </row>
    <row r="475" spans="1:8" ht="12.95" customHeight="1">
      <c r="A475" s="78"/>
      <c r="B475" s="42"/>
      <c r="C475" s="28"/>
      <c r="D475" s="60"/>
      <c r="E475" s="43"/>
      <c r="F475" s="60"/>
      <c r="G475" s="54"/>
      <c r="H475" s="8"/>
    </row>
    <row r="476" spans="1:8" ht="12.95" customHeight="1">
      <c r="A476" s="78"/>
      <c r="B476" s="45"/>
      <c r="C476" s="32"/>
      <c r="D476" s="61"/>
      <c r="E476" s="46"/>
      <c r="F476" s="61"/>
      <c r="G476" s="55"/>
      <c r="H476" s="12"/>
    </row>
    <row r="477" spans="1:8" ht="12.95" customHeight="1">
      <c r="A477" s="78"/>
      <c r="B477" s="40"/>
      <c r="C477" s="25"/>
      <c r="D477" s="52"/>
      <c r="E477" s="44"/>
      <c r="F477" s="52"/>
      <c r="G477" s="53"/>
      <c r="H477" s="5"/>
    </row>
    <row r="478" spans="1:8" ht="12.95" customHeight="1">
      <c r="A478" s="78"/>
      <c r="B478" s="42"/>
      <c r="C478" s="28"/>
      <c r="D478" s="60"/>
      <c r="E478" s="43"/>
      <c r="F478" s="60"/>
      <c r="G478" s="54"/>
      <c r="H478" s="8"/>
    </row>
    <row r="479" spans="1:8" ht="12.95" customHeight="1">
      <c r="A479" s="78"/>
      <c r="B479" s="45"/>
      <c r="C479" s="32"/>
      <c r="D479" s="61"/>
      <c r="E479" s="46"/>
      <c r="F479" s="61"/>
      <c r="G479" s="55"/>
      <c r="H479" s="12"/>
    </row>
    <row r="480" spans="1:8" ht="12.95" customHeight="1">
      <c r="A480" s="78"/>
      <c r="B480" s="40"/>
      <c r="C480" s="25"/>
      <c r="D480" s="52"/>
      <c r="E480" s="44"/>
      <c r="F480" s="52"/>
      <c r="G480" s="53"/>
      <c r="H480" s="5"/>
    </row>
    <row r="481" spans="1:8" ht="12.95" customHeight="1">
      <c r="A481" s="78"/>
      <c r="B481" s="42"/>
      <c r="C481" s="28"/>
      <c r="D481" s="60"/>
      <c r="E481" s="43"/>
      <c r="F481" s="60"/>
      <c r="G481" s="54"/>
      <c r="H481" s="8"/>
    </row>
    <row r="482" spans="1:8" ht="12.95" customHeight="1">
      <c r="A482" s="78"/>
      <c r="B482" s="45"/>
      <c r="C482" s="32"/>
      <c r="D482" s="61"/>
      <c r="E482" s="46"/>
      <c r="F482" s="61"/>
      <c r="G482" s="55"/>
      <c r="H482" s="12"/>
    </row>
    <row r="483" spans="1:8" ht="12.95" customHeight="1">
      <c r="A483" s="78"/>
      <c r="B483" s="40"/>
      <c r="C483" s="25"/>
      <c r="D483" s="52"/>
      <c r="E483" s="44"/>
      <c r="F483" s="52"/>
      <c r="G483" s="53"/>
      <c r="H483" s="5"/>
    </row>
    <row r="484" spans="1:8" ht="12.95" customHeight="1">
      <c r="A484" s="78"/>
      <c r="B484" s="42"/>
      <c r="C484" s="28"/>
      <c r="D484" s="60"/>
      <c r="E484" s="43"/>
      <c r="F484" s="60"/>
      <c r="G484" s="54"/>
      <c r="H484" s="8"/>
    </row>
    <row r="485" spans="1:8" ht="12.95" customHeight="1">
      <c r="A485" s="78"/>
      <c r="B485" s="45"/>
      <c r="C485" s="32"/>
      <c r="D485" s="61"/>
      <c r="E485" s="46"/>
      <c r="F485" s="61"/>
      <c r="G485" s="55"/>
      <c r="H485" s="12"/>
    </row>
    <row r="486" spans="1:8" ht="12.95" customHeight="1">
      <c r="A486" s="78"/>
      <c r="B486" s="40"/>
      <c r="C486" s="25"/>
      <c r="D486" s="52"/>
      <c r="E486" s="44"/>
      <c r="F486" s="52"/>
      <c r="G486" s="53"/>
      <c r="H486" s="5"/>
    </row>
    <row r="487" spans="1:8" ht="12.95" customHeight="1">
      <c r="A487" s="78"/>
      <c r="B487" s="42"/>
      <c r="C487" s="28"/>
      <c r="D487" s="60"/>
      <c r="E487" s="43"/>
      <c r="F487" s="60"/>
      <c r="G487" s="54"/>
      <c r="H487" s="8"/>
    </row>
    <row r="488" spans="1:8" ht="12.95" customHeight="1">
      <c r="A488" s="78"/>
      <c r="B488" s="45"/>
      <c r="C488" s="32"/>
      <c r="D488" s="61"/>
      <c r="E488" s="47"/>
      <c r="F488" s="65"/>
      <c r="G488" s="55"/>
      <c r="H488" s="12"/>
    </row>
    <row r="489" spans="1:8" ht="12.95" customHeight="1">
      <c r="A489" s="78"/>
      <c r="B489" s="40"/>
      <c r="C489" s="25"/>
      <c r="D489" s="52"/>
      <c r="E489" s="44"/>
      <c r="F489" s="52"/>
      <c r="G489" s="53"/>
      <c r="H489" s="5"/>
    </row>
    <row r="490" spans="1:8" ht="12.95" customHeight="1">
      <c r="A490" s="78"/>
      <c r="B490" s="42"/>
      <c r="C490" s="28"/>
      <c r="D490" s="60"/>
      <c r="E490" s="43"/>
      <c r="F490" s="60"/>
      <c r="G490" s="54"/>
      <c r="H490" s="8"/>
    </row>
    <row r="491" spans="1:8" ht="12.95" customHeight="1">
      <c r="A491" s="78"/>
      <c r="B491" s="45"/>
      <c r="C491" s="32"/>
      <c r="D491" s="61"/>
      <c r="E491" s="46"/>
      <c r="F491" s="61"/>
      <c r="G491" s="55"/>
      <c r="H491" s="12"/>
    </row>
    <row r="492" spans="1:8" ht="12.95" customHeight="1">
      <c r="A492" s="78"/>
      <c r="B492" s="40"/>
      <c r="C492" s="25"/>
      <c r="D492" s="52"/>
      <c r="E492" s="44"/>
      <c r="F492" s="52"/>
      <c r="G492" s="53"/>
      <c r="H492" s="5"/>
    </row>
    <row r="493" spans="1:8" ht="12.95" customHeight="1">
      <c r="A493" s="78"/>
      <c r="B493" s="42"/>
      <c r="C493" s="28"/>
      <c r="D493" s="60"/>
      <c r="E493" s="43"/>
      <c r="F493" s="60"/>
      <c r="G493" s="54"/>
      <c r="H493" s="8"/>
    </row>
    <row r="494" spans="1:8" ht="12.95" customHeight="1">
      <c r="A494" s="78"/>
      <c r="B494" s="45"/>
      <c r="C494" s="32"/>
      <c r="D494" s="61"/>
      <c r="E494" s="46"/>
      <c r="F494" s="61"/>
      <c r="G494" s="55"/>
      <c r="H494" s="12"/>
    </row>
    <row r="495" spans="1:8" ht="12.95" customHeight="1">
      <c r="A495" s="78"/>
      <c r="B495" s="40"/>
      <c r="C495" s="25"/>
      <c r="D495" s="52"/>
      <c r="E495" s="44"/>
      <c r="F495" s="52"/>
      <c r="G495" s="53"/>
      <c r="H495" s="5"/>
    </row>
    <row r="496" spans="1:8" ht="12.95" customHeight="1">
      <c r="A496" s="78"/>
      <c r="B496" s="42"/>
      <c r="C496" s="28"/>
      <c r="D496" s="60"/>
      <c r="E496" s="43"/>
      <c r="F496" s="60"/>
      <c r="G496" s="54"/>
      <c r="H496" s="8"/>
    </row>
    <row r="497" spans="1:8" ht="12.95" customHeight="1">
      <c r="A497" s="78"/>
      <c r="B497" s="45"/>
      <c r="C497" s="32"/>
      <c r="D497" s="61"/>
      <c r="E497" s="46"/>
      <c r="F497" s="61"/>
      <c r="G497" s="55"/>
      <c r="H497" s="12"/>
    </row>
    <row r="498" spans="1:8" ht="12.95" customHeight="1">
      <c r="A498" s="78"/>
      <c r="B498" s="40"/>
      <c r="C498" s="25"/>
      <c r="D498" s="52"/>
      <c r="E498" s="41"/>
      <c r="F498" s="64"/>
      <c r="G498" s="53"/>
      <c r="H498" s="5"/>
    </row>
    <row r="499" spans="1:8" ht="12.95" customHeight="1">
      <c r="A499" s="78"/>
      <c r="B499" s="42"/>
      <c r="C499" s="28"/>
      <c r="D499" s="60"/>
      <c r="E499" s="43"/>
      <c r="F499" s="60"/>
      <c r="G499" s="54"/>
      <c r="H499" s="8"/>
    </row>
    <row r="500" spans="1:8" ht="12.95" customHeight="1">
      <c r="A500" s="78"/>
      <c r="B500" s="45"/>
      <c r="C500" s="32"/>
      <c r="D500" s="61"/>
      <c r="E500" s="46"/>
      <c r="F500" s="61"/>
      <c r="G500" s="55"/>
      <c r="H500" s="12"/>
    </row>
    <row r="501" spans="1:8" ht="12.95" customHeight="1">
      <c r="A501" s="78"/>
      <c r="B501" s="40"/>
      <c r="C501" s="25"/>
      <c r="D501" s="52"/>
      <c r="E501" s="44"/>
      <c r="F501" s="52"/>
      <c r="G501" s="53"/>
      <c r="H501" s="5"/>
    </row>
    <row r="502" spans="1:8" ht="12.95" customHeight="1">
      <c r="A502" s="78"/>
      <c r="B502" s="42"/>
      <c r="C502" s="28"/>
      <c r="D502" s="60"/>
      <c r="E502" s="43"/>
      <c r="F502" s="60"/>
      <c r="G502" s="54"/>
      <c r="H502" s="8"/>
    </row>
    <row r="503" spans="1:8" ht="12.95" customHeight="1">
      <c r="A503" s="78"/>
      <c r="B503" s="45"/>
      <c r="C503" s="32"/>
      <c r="D503" s="61"/>
      <c r="E503" s="46"/>
      <c r="F503" s="61"/>
      <c r="G503" s="55"/>
      <c r="H503" s="12"/>
    </row>
    <row r="504" spans="1:8" ht="12.95" customHeight="1">
      <c r="A504" s="78"/>
      <c r="B504" s="40"/>
      <c r="C504" s="25"/>
      <c r="D504" s="52"/>
      <c r="E504" s="44"/>
      <c r="F504" s="52"/>
      <c r="G504" s="53"/>
      <c r="H504" s="5"/>
    </row>
    <row r="505" spans="1:8" ht="12.95" customHeight="1">
      <c r="A505" s="78"/>
      <c r="B505" s="42"/>
      <c r="C505" s="28"/>
      <c r="D505" s="60"/>
      <c r="E505" s="43"/>
      <c r="F505" s="60"/>
      <c r="G505" s="54"/>
      <c r="H505" s="8"/>
    </row>
    <row r="506" spans="1:8" ht="12.95" customHeight="1">
      <c r="A506" s="78"/>
      <c r="B506" s="45"/>
      <c r="C506" s="32"/>
      <c r="D506" s="61"/>
      <c r="E506" s="46"/>
      <c r="F506" s="61"/>
      <c r="G506" s="55"/>
      <c r="H506" s="12"/>
    </row>
    <row r="507" spans="1:8" ht="12.95" customHeight="1">
      <c r="A507" s="78"/>
      <c r="B507" s="40"/>
      <c r="C507" s="25"/>
      <c r="D507" s="52"/>
      <c r="E507" s="44"/>
      <c r="F507" s="52"/>
      <c r="G507" s="53"/>
      <c r="H507" s="5"/>
    </row>
    <row r="508" spans="1:8" ht="12.95" customHeight="1">
      <c r="A508" s="78"/>
      <c r="B508" s="42"/>
      <c r="C508" s="28"/>
      <c r="D508" s="60"/>
      <c r="E508" s="48"/>
      <c r="F508" s="66"/>
      <c r="G508" s="54"/>
      <c r="H508" s="8"/>
    </row>
    <row r="509" spans="1:8" ht="12.95" customHeight="1">
      <c r="A509" s="78"/>
      <c r="B509" s="45"/>
      <c r="C509" s="32"/>
      <c r="D509" s="61"/>
      <c r="E509" s="46"/>
      <c r="F509" s="61"/>
      <c r="G509" s="55"/>
      <c r="H509" s="12"/>
    </row>
    <row r="510" spans="1:8" ht="12.95" customHeight="1">
      <c r="A510" s="78"/>
      <c r="B510" s="40"/>
      <c r="C510" s="25"/>
      <c r="D510" s="62"/>
      <c r="E510" s="44"/>
      <c r="F510" s="62"/>
      <c r="G510" s="53"/>
      <c r="H510" s="5"/>
    </row>
    <row r="511" spans="1:8" ht="12.95" customHeight="1">
      <c r="A511" s="78"/>
      <c r="B511" s="50"/>
      <c r="C511" s="38"/>
      <c r="D511" s="63"/>
      <c r="E511" s="51"/>
      <c r="F511" s="63"/>
      <c r="G511" s="57"/>
      <c r="H511" s="18"/>
    </row>
    <row r="512" spans="1:8" ht="0.95" customHeight="1">
      <c r="B512" s="19"/>
      <c r="C512" s="19"/>
      <c r="D512" s="19"/>
      <c r="E512" s="19"/>
      <c r="F512" s="67"/>
      <c r="G512" s="19"/>
      <c r="H512" s="19"/>
    </row>
  </sheetData>
  <mergeCells count="24">
    <mergeCell ref="B2:C2"/>
    <mergeCell ref="D2:F2"/>
    <mergeCell ref="G2:H2"/>
    <mergeCell ref="B66:C66"/>
    <mergeCell ref="D66:F66"/>
    <mergeCell ref="G66:H66"/>
    <mergeCell ref="B130:C130"/>
    <mergeCell ref="D130:F130"/>
    <mergeCell ref="G130:H130"/>
    <mergeCell ref="B194:C194"/>
    <mergeCell ref="D194:F194"/>
    <mergeCell ref="G194:H194"/>
    <mergeCell ref="B258:C258"/>
    <mergeCell ref="D258:F258"/>
    <mergeCell ref="G258:H258"/>
    <mergeCell ref="B322:C322"/>
    <mergeCell ref="D322:F322"/>
    <mergeCell ref="G322:H322"/>
    <mergeCell ref="B386:C386"/>
    <mergeCell ref="D386:F386"/>
    <mergeCell ref="G386:H386"/>
    <mergeCell ref="B450:C450"/>
    <mergeCell ref="D450:F450"/>
    <mergeCell ref="G450:H450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  <rowBreaks count="8" manualBreakCount="8">
    <brk id="64" max="16383" man="1"/>
    <brk id="128" max="16383" man="1"/>
    <brk id="192" max="16383" man="1"/>
    <brk id="256" max="16383" man="1"/>
    <brk id="320" max="16383" man="1"/>
    <brk id="384" max="16383" man="1"/>
    <brk id="448" max="16383" man="1"/>
    <brk id="512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64"/>
  <sheetViews>
    <sheetView tabSelected="1" view="pageBreakPreview" topLeftCell="A4" zoomScaleNormal="115" workbookViewId="0">
      <selection activeCell="K19" sqref="K19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617</v>
      </c>
      <c r="C1" s="79"/>
      <c r="D1" s="79"/>
      <c r="E1" s="79"/>
      <c r="F1" s="80"/>
    </row>
    <row r="2" spans="1:6" ht="21" customHeight="1">
      <c r="A2" s="78"/>
      <c r="B2" s="81"/>
      <c r="C2" s="82"/>
      <c r="D2" s="82"/>
      <c r="E2" s="82"/>
      <c r="F2" s="83"/>
    </row>
    <row r="3" spans="1:6" ht="21" customHeight="1">
      <c r="A3" s="78"/>
      <c r="B3" s="84" t="s">
        <v>618</v>
      </c>
      <c r="C3" s="85" t="s">
        <v>619</v>
      </c>
      <c r="D3" s="85" t="s">
        <v>620</v>
      </c>
      <c r="E3" s="85" t="s">
        <v>621</v>
      </c>
      <c r="F3" s="86" t="s">
        <v>622</v>
      </c>
    </row>
    <row r="4" spans="1:6" ht="12.95" customHeight="1">
      <c r="A4" s="78" t="s">
        <v>7</v>
      </c>
      <c r="B4" s="87" t="s">
        <v>623</v>
      </c>
      <c r="C4" s="53" t="s">
        <v>7</v>
      </c>
      <c r="D4" s="4" t="s">
        <v>7</v>
      </c>
      <c r="E4" s="73" t="s">
        <v>7</v>
      </c>
      <c r="F4" s="90"/>
    </row>
    <row r="5" spans="1:6" ht="12.95" customHeight="1">
      <c r="A5" s="78" t="s">
        <v>7</v>
      </c>
      <c r="B5" s="87" t="s">
        <v>7</v>
      </c>
      <c r="C5" s="53" t="s">
        <v>7</v>
      </c>
      <c r="D5" s="4" t="s">
        <v>7</v>
      </c>
      <c r="E5" s="73" t="s">
        <v>7</v>
      </c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7" t="s">
        <v>7</v>
      </c>
      <c r="E6" s="74" t="s">
        <v>7</v>
      </c>
      <c r="F6" s="91"/>
    </row>
    <row r="7" spans="1:6" ht="12.95" customHeight="1">
      <c r="A7" s="78" t="s">
        <v>7</v>
      </c>
      <c r="B7" s="87" t="s">
        <v>624</v>
      </c>
      <c r="C7" s="53" t="s">
        <v>7</v>
      </c>
      <c r="D7" s="4" t="s">
        <v>7</v>
      </c>
      <c r="E7" s="73"/>
      <c r="F7" s="90"/>
    </row>
    <row r="8" spans="1:6" ht="12.95" customHeight="1">
      <c r="A8" s="78" t="s">
        <v>7</v>
      </c>
      <c r="B8" s="87" t="s">
        <v>7</v>
      </c>
      <c r="C8" s="53" t="s">
        <v>625</v>
      </c>
      <c r="D8" s="4" t="s">
        <v>7</v>
      </c>
      <c r="E8" s="7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7" t="s">
        <v>626</v>
      </c>
      <c r="E9" s="74"/>
      <c r="F9" s="91"/>
    </row>
    <row r="10" spans="1:6" ht="12.95" customHeight="1">
      <c r="A10" s="78" t="s">
        <v>7</v>
      </c>
      <c r="B10" s="89" t="s">
        <v>627</v>
      </c>
      <c r="C10" s="53" t="s">
        <v>7</v>
      </c>
      <c r="D10" s="9" t="s">
        <v>7</v>
      </c>
      <c r="E10" s="73"/>
      <c r="F10" s="90"/>
    </row>
    <row r="11" spans="1:6" ht="12.95" customHeight="1">
      <c r="A11" s="78" t="s">
        <v>7</v>
      </c>
      <c r="B11" s="87" t="s">
        <v>7</v>
      </c>
      <c r="C11" s="53" t="s">
        <v>7</v>
      </c>
      <c r="D11" s="9" t="s">
        <v>7</v>
      </c>
      <c r="E11" s="73"/>
      <c r="F11" s="90"/>
    </row>
    <row r="12" spans="1:6" ht="12.95" customHeight="1">
      <c r="A12" s="78" t="s">
        <v>7</v>
      </c>
      <c r="B12" s="88" t="s">
        <v>7</v>
      </c>
      <c r="C12" s="54" t="s">
        <v>7</v>
      </c>
      <c r="D12" s="7" t="s">
        <v>7</v>
      </c>
      <c r="E12" s="74"/>
      <c r="F12" s="91"/>
    </row>
    <row r="13" spans="1:6" ht="12.95" customHeight="1">
      <c r="A13" s="78" t="s">
        <v>7</v>
      </c>
      <c r="B13" s="87"/>
      <c r="C13" s="53"/>
      <c r="D13" s="4"/>
      <c r="E13" s="73"/>
      <c r="F13" s="90"/>
    </row>
    <row r="14" spans="1:6" ht="12.95" customHeight="1">
      <c r="A14" s="78" t="s">
        <v>7</v>
      </c>
      <c r="B14" s="87"/>
      <c r="C14" s="53"/>
      <c r="D14" s="4"/>
      <c r="E14" s="73"/>
      <c r="F14" s="90"/>
    </row>
    <row r="15" spans="1:6" ht="12.95" customHeight="1">
      <c r="A15" s="78" t="s">
        <v>7</v>
      </c>
      <c r="B15" s="88"/>
      <c r="C15" s="54"/>
      <c r="D15" s="7"/>
      <c r="E15" s="74"/>
      <c r="F15" s="91"/>
    </row>
    <row r="16" spans="1:6" ht="12.95" customHeight="1">
      <c r="A16" s="78" t="s">
        <v>7</v>
      </c>
      <c r="B16" s="87"/>
      <c r="C16" s="53"/>
      <c r="D16" s="4"/>
      <c r="E16" s="73"/>
      <c r="F16" s="90"/>
    </row>
    <row r="17" spans="1:6" ht="12.95" customHeight="1">
      <c r="A17" s="78" t="s">
        <v>7</v>
      </c>
      <c r="B17" s="87"/>
      <c r="C17" s="53"/>
      <c r="D17" s="4"/>
      <c r="E17" s="73"/>
      <c r="F17" s="90"/>
    </row>
    <row r="18" spans="1:6" ht="12.95" customHeight="1">
      <c r="A18" s="78" t="s">
        <v>7</v>
      </c>
      <c r="B18" s="88"/>
      <c r="C18" s="54"/>
      <c r="D18" s="7"/>
      <c r="E18" s="74"/>
      <c r="F18" s="91"/>
    </row>
    <row r="19" spans="1:6" ht="12.95" customHeight="1">
      <c r="A19" s="78" t="s">
        <v>7</v>
      </c>
      <c r="B19" s="87"/>
      <c r="C19" s="53"/>
      <c r="D19" s="4"/>
      <c r="E19" s="73"/>
      <c r="F19" s="90"/>
    </row>
    <row r="20" spans="1:6" ht="12.95" customHeight="1">
      <c r="A20" s="78" t="s">
        <v>7</v>
      </c>
      <c r="B20" s="87"/>
      <c r="C20" s="53"/>
      <c r="D20" s="4"/>
      <c r="E20" s="73"/>
      <c r="F20" s="90"/>
    </row>
    <row r="21" spans="1:6" ht="12.95" customHeight="1">
      <c r="A21" s="78" t="s">
        <v>7</v>
      </c>
      <c r="B21" s="88"/>
      <c r="C21" s="54"/>
      <c r="D21" s="7"/>
      <c r="E21" s="74"/>
      <c r="F21" s="91"/>
    </row>
    <row r="22" spans="1:6" ht="12.95" customHeight="1">
      <c r="A22" s="78" t="s">
        <v>7</v>
      </c>
      <c r="B22" s="87"/>
      <c r="C22" s="53"/>
      <c r="D22" s="4"/>
      <c r="E22" s="73"/>
      <c r="F22" s="90"/>
    </row>
    <row r="23" spans="1:6" ht="12.95" customHeight="1">
      <c r="A23" s="78" t="s">
        <v>7</v>
      </c>
      <c r="B23" s="87"/>
      <c r="C23" s="53"/>
      <c r="D23" s="4"/>
      <c r="E23" s="73"/>
      <c r="F23" s="90"/>
    </row>
    <row r="24" spans="1:6" ht="12.95" customHeight="1">
      <c r="A24" s="78" t="s">
        <v>7</v>
      </c>
      <c r="B24" s="88"/>
      <c r="C24" s="54"/>
      <c r="D24" s="7"/>
      <c r="E24" s="74"/>
      <c r="F24" s="91"/>
    </row>
    <row r="25" spans="1:6" ht="12.95" customHeight="1">
      <c r="A25" s="78" t="s">
        <v>7</v>
      </c>
      <c r="B25" s="89"/>
      <c r="C25" s="53"/>
      <c r="D25" s="9"/>
      <c r="E25" s="73"/>
      <c r="F25" s="90"/>
    </row>
    <row r="26" spans="1:6" ht="12.95" customHeight="1">
      <c r="A26" s="78" t="s">
        <v>7</v>
      </c>
      <c r="B26" s="87"/>
      <c r="C26" s="53"/>
      <c r="D26" s="9"/>
      <c r="E26" s="73"/>
      <c r="F26" s="90"/>
    </row>
    <row r="27" spans="1:6" ht="12.95" customHeight="1">
      <c r="A27" s="78" t="s">
        <v>7</v>
      </c>
      <c r="B27" s="88"/>
      <c r="C27" s="54"/>
      <c r="D27" s="7"/>
      <c r="E27" s="74"/>
      <c r="F27" s="91"/>
    </row>
    <row r="28" spans="1:6" ht="12.95" customHeight="1">
      <c r="A28" s="78" t="s">
        <v>7</v>
      </c>
      <c r="B28" s="87"/>
      <c r="C28" s="53"/>
      <c r="D28" s="4"/>
      <c r="E28" s="73"/>
      <c r="F28" s="90"/>
    </row>
    <row r="29" spans="1:6" ht="12.95" customHeight="1">
      <c r="A29" s="78" t="s">
        <v>7</v>
      </c>
      <c r="B29" s="87"/>
      <c r="C29" s="53"/>
      <c r="D29" s="4"/>
      <c r="E29" s="73"/>
      <c r="F29" s="90"/>
    </row>
    <row r="30" spans="1:6" ht="12.95" customHeight="1">
      <c r="A30" s="78" t="s">
        <v>7</v>
      </c>
      <c r="B30" s="88"/>
      <c r="C30" s="54"/>
      <c r="D30" s="7"/>
      <c r="E30" s="74"/>
      <c r="F30" s="91"/>
    </row>
    <row r="31" spans="1:6" ht="12.95" customHeight="1">
      <c r="A31" s="78" t="s">
        <v>7</v>
      </c>
      <c r="B31" s="87"/>
      <c r="C31" s="53"/>
      <c r="D31" s="4"/>
      <c r="E31" s="73"/>
      <c r="F31" s="90"/>
    </row>
    <row r="32" spans="1:6" ht="12.95" customHeight="1">
      <c r="A32" s="78" t="s">
        <v>7</v>
      </c>
      <c r="B32" s="87"/>
      <c r="C32" s="53"/>
      <c r="D32" s="4"/>
      <c r="E32" s="73"/>
      <c r="F32" s="90"/>
    </row>
    <row r="33" spans="1:6" ht="12.95" customHeight="1">
      <c r="A33" s="78" t="s">
        <v>7</v>
      </c>
      <c r="B33" s="88"/>
      <c r="C33" s="54"/>
      <c r="D33" s="7"/>
      <c r="E33" s="74"/>
      <c r="F33" s="91"/>
    </row>
    <row r="34" spans="1:6" ht="12.95" customHeight="1">
      <c r="A34" s="78" t="s">
        <v>7</v>
      </c>
      <c r="B34" s="87"/>
      <c r="C34" s="53"/>
      <c r="D34" s="4"/>
      <c r="E34" s="73"/>
      <c r="F34" s="90"/>
    </row>
    <row r="35" spans="1:6" ht="12.95" customHeight="1">
      <c r="A35" s="78" t="s">
        <v>7</v>
      </c>
      <c r="B35" s="87"/>
      <c r="C35" s="53"/>
      <c r="D35" s="4"/>
      <c r="E35" s="73"/>
      <c r="F35" s="90"/>
    </row>
    <row r="36" spans="1:6" ht="12.95" customHeight="1">
      <c r="A36" s="78" t="s">
        <v>7</v>
      </c>
      <c r="B36" s="88"/>
      <c r="C36" s="54"/>
      <c r="D36" s="7"/>
      <c r="E36" s="74"/>
      <c r="F36" s="91"/>
    </row>
    <row r="37" spans="1:6" ht="12.95" customHeight="1">
      <c r="A37" s="78" t="s">
        <v>7</v>
      </c>
      <c r="B37" s="87"/>
      <c r="C37" s="53"/>
      <c r="D37" s="4"/>
      <c r="E37" s="73"/>
      <c r="F37" s="90"/>
    </row>
    <row r="38" spans="1:6" ht="12.95" customHeight="1">
      <c r="A38" s="78" t="s">
        <v>7</v>
      </c>
      <c r="B38" s="87"/>
      <c r="C38" s="53"/>
      <c r="D38" s="4"/>
      <c r="E38" s="73"/>
      <c r="F38" s="90"/>
    </row>
    <row r="39" spans="1:6" ht="12.95" customHeight="1">
      <c r="A39" s="78" t="s">
        <v>7</v>
      </c>
      <c r="B39" s="88"/>
      <c r="C39" s="54"/>
      <c r="D39" s="7"/>
      <c r="E39" s="74"/>
      <c r="F39" s="91"/>
    </row>
    <row r="40" spans="1:6" ht="12.95" customHeight="1">
      <c r="A40" s="78" t="s">
        <v>7</v>
      </c>
      <c r="B40" s="87"/>
      <c r="C40" s="53"/>
      <c r="D40" s="4"/>
      <c r="E40" s="73"/>
      <c r="F40" s="90"/>
    </row>
    <row r="41" spans="1:6" ht="12.95" customHeight="1">
      <c r="A41" s="78" t="s">
        <v>7</v>
      </c>
      <c r="B41" s="87"/>
      <c r="C41" s="53"/>
      <c r="D41" s="4"/>
      <c r="E41" s="73"/>
      <c r="F41" s="90"/>
    </row>
    <row r="42" spans="1:6" ht="12.95" customHeight="1">
      <c r="A42" s="78" t="s">
        <v>7</v>
      </c>
      <c r="B42" s="88"/>
      <c r="C42" s="54"/>
      <c r="D42" s="7"/>
      <c r="E42" s="74"/>
      <c r="F42" s="91"/>
    </row>
    <row r="43" spans="1:6" ht="12.95" customHeight="1">
      <c r="A43" s="78" t="s">
        <v>7</v>
      </c>
      <c r="B43" s="87"/>
      <c r="C43" s="53"/>
      <c r="D43" s="4"/>
      <c r="E43" s="73"/>
      <c r="F43" s="90"/>
    </row>
    <row r="44" spans="1:6" ht="12.95" customHeight="1">
      <c r="A44" s="78" t="s">
        <v>7</v>
      </c>
      <c r="B44" s="87"/>
      <c r="C44" s="53"/>
      <c r="D44" s="4"/>
      <c r="E44" s="73"/>
      <c r="F44" s="90"/>
    </row>
    <row r="45" spans="1:6" ht="12.95" customHeight="1">
      <c r="A45" s="78" t="s">
        <v>7</v>
      </c>
      <c r="B45" s="88"/>
      <c r="C45" s="54"/>
      <c r="D45" s="7"/>
      <c r="E45" s="74"/>
      <c r="F45" s="91"/>
    </row>
    <row r="46" spans="1:6" ht="12.95" customHeight="1">
      <c r="A46" s="78" t="s">
        <v>7</v>
      </c>
      <c r="B46" s="87"/>
      <c r="C46" s="53"/>
      <c r="D46" s="4"/>
      <c r="E46" s="73"/>
      <c r="F46" s="90"/>
    </row>
    <row r="47" spans="1:6" ht="12.95" customHeight="1">
      <c r="A47" s="78" t="s">
        <v>7</v>
      </c>
      <c r="B47" s="87"/>
      <c r="C47" s="53"/>
      <c r="D47" s="4"/>
      <c r="E47" s="73"/>
      <c r="F47" s="90"/>
    </row>
    <row r="48" spans="1:6" ht="12.95" customHeight="1">
      <c r="A48" s="78" t="s">
        <v>7</v>
      </c>
      <c r="B48" s="88"/>
      <c r="C48" s="54"/>
      <c r="D48" s="7"/>
      <c r="E48" s="74"/>
      <c r="F48" s="91"/>
    </row>
    <row r="49" spans="1:6" ht="12.95" customHeight="1">
      <c r="A49" s="78"/>
      <c r="B49" s="10"/>
      <c r="C49" s="55"/>
      <c r="D49" s="11"/>
      <c r="E49" s="75"/>
      <c r="F49" s="12"/>
    </row>
    <row r="50" spans="1:6" ht="12.95" customHeight="1">
      <c r="A50" s="78"/>
      <c r="B50" s="3"/>
      <c r="C50" s="53"/>
      <c r="D50" s="4"/>
      <c r="E50" s="73"/>
      <c r="F50" s="5"/>
    </row>
    <row r="51" spans="1:6" ht="12.95" customHeight="1">
      <c r="A51" s="78"/>
      <c r="B51" s="6"/>
      <c r="C51" s="54"/>
      <c r="D51" s="7"/>
      <c r="E51" s="74"/>
      <c r="F51" s="8"/>
    </row>
    <row r="52" spans="1:6" ht="12.95" customHeight="1">
      <c r="A52" s="78"/>
      <c r="B52" s="10"/>
      <c r="C52" s="55"/>
      <c r="D52" s="11"/>
      <c r="E52" s="75"/>
      <c r="F52" s="12"/>
    </row>
    <row r="53" spans="1:6" ht="12.95" customHeight="1">
      <c r="A53" s="78"/>
      <c r="B53" s="3"/>
      <c r="C53" s="53"/>
      <c r="D53" s="9"/>
      <c r="E53" s="73"/>
      <c r="F53" s="5"/>
    </row>
    <row r="54" spans="1:6" ht="12.95" customHeight="1">
      <c r="A54" s="78"/>
      <c r="B54" s="6"/>
      <c r="C54" s="54"/>
      <c r="D54" s="7"/>
      <c r="E54" s="74"/>
      <c r="F54" s="8"/>
    </row>
    <row r="55" spans="1:6" ht="12.95" customHeight="1">
      <c r="A55" s="78"/>
      <c r="B55" s="10"/>
      <c r="C55" s="55"/>
      <c r="D55" s="11"/>
      <c r="E55" s="75"/>
      <c r="F55" s="12"/>
    </row>
    <row r="56" spans="1:6" ht="12.95" customHeight="1">
      <c r="A56" s="78"/>
      <c r="B56" s="3"/>
      <c r="C56" s="53"/>
      <c r="D56" s="9"/>
      <c r="E56" s="73"/>
      <c r="F56" s="5"/>
    </row>
    <row r="57" spans="1:6" ht="12.95" customHeight="1">
      <c r="A57" s="78"/>
      <c r="B57" s="6"/>
      <c r="C57" s="54"/>
      <c r="D57" s="7"/>
      <c r="E57" s="74"/>
      <c r="F57" s="8"/>
    </row>
    <row r="58" spans="1:6" ht="12.95" customHeight="1">
      <c r="A58" s="78"/>
      <c r="B58" s="10"/>
      <c r="C58" s="55"/>
      <c r="D58" s="11"/>
      <c r="E58" s="75"/>
      <c r="F58" s="12"/>
    </row>
    <row r="59" spans="1:6" ht="12.95" customHeight="1">
      <c r="A59" s="78"/>
      <c r="B59" s="3"/>
      <c r="C59" s="53"/>
      <c r="D59" s="9"/>
      <c r="E59" s="73"/>
      <c r="F59" s="5"/>
    </row>
    <row r="60" spans="1:6" ht="12.95" customHeight="1">
      <c r="A60" s="78"/>
      <c r="B60" s="6"/>
      <c r="C60" s="54"/>
      <c r="D60" s="14"/>
      <c r="E60" s="74"/>
      <c r="F60" s="8"/>
    </row>
    <row r="61" spans="1:6" ht="12.95" customHeight="1">
      <c r="A61" s="78"/>
      <c r="B61" s="10"/>
      <c r="C61" s="55"/>
      <c r="D61" s="11"/>
      <c r="E61" s="75"/>
      <c r="F61" s="12"/>
    </row>
    <row r="62" spans="1:6" ht="12.95" customHeight="1">
      <c r="A62" s="78"/>
      <c r="B62" s="3"/>
      <c r="C62" s="56"/>
      <c r="D62" s="15"/>
      <c r="E62" s="76"/>
      <c r="F62" s="5"/>
    </row>
    <row r="63" spans="1:6" ht="12.95" customHeight="1">
      <c r="A63" s="78"/>
      <c r="B63" s="16"/>
      <c r="C63" s="57"/>
      <c r="D63" s="17"/>
      <c r="E63" s="77"/>
      <c r="F63" s="18"/>
    </row>
    <row r="64" spans="1:6" ht="0.95" customHeight="1">
      <c r="B64" s="19"/>
      <c r="C64" s="19"/>
      <c r="D64" s="19"/>
      <c r="E64" s="19"/>
      <c r="F64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64"/>
  <sheetViews>
    <sheetView tabSelected="1" view="pageBreakPreview" zoomScaleNormal="115" workbookViewId="0">
      <selection activeCell="K19" sqref="K19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628</v>
      </c>
      <c r="C1" s="79"/>
      <c r="D1" s="79"/>
      <c r="E1" s="79"/>
      <c r="F1" s="80"/>
    </row>
    <row r="2" spans="1:6" ht="21" customHeight="1">
      <c r="A2" s="78"/>
      <c r="B2" s="81"/>
      <c r="C2" s="82"/>
      <c r="D2" s="82"/>
      <c r="E2" s="82"/>
      <c r="F2" s="83"/>
    </row>
    <row r="3" spans="1:6" ht="21" customHeight="1">
      <c r="A3" s="78"/>
      <c r="B3" s="84" t="s">
        <v>629</v>
      </c>
      <c r="C3" s="85" t="s">
        <v>630</v>
      </c>
      <c r="D3" s="85" t="s">
        <v>631</v>
      </c>
      <c r="E3" s="85" t="s">
        <v>632</v>
      </c>
      <c r="F3" s="86" t="s">
        <v>633</v>
      </c>
    </row>
    <row r="4" spans="1:6" ht="12.95" customHeight="1">
      <c r="A4" s="78" t="s">
        <v>7</v>
      </c>
      <c r="B4" s="87" t="s">
        <v>634</v>
      </c>
      <c r="C4" s="53" t="s">
        <v>7</v>
      </c>
      <c r="D4" s="4" t="s">
        <v>7</v>
      </c>
      <c r="E4" s="73"/>
      <c r="F4" s="90"/>
    </row>
    <row r="5" spans="1:6" ht="12.95" customHeight="1">
      <c r="A5" s="78" t="s">
        <v>7</v>
      </c>
      <c r="B5" s="87" t="s">
        <v>7</v>
      </c>
      <c r="C5" s="53" t="s">
        <v>635</v>
      </c>
      <c r="D5" s="4" t="s">
        <v>7</v>
      </c>
      <c r="E5" s="73"/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7" t="s">
        <v>636</v>
      </c>
      <c r="E6" s="74"/>
      <c r="F6" s="91"/>
    </row>
    <row r="7" spans="1:6" ht="12.95" customHeight="1">
      <c r="A7" s="78" t="s">
        <v>7</v>
      </c>
      <c r="B7" s="87" t="s">
        <v>637</v>
      </c>
      <c r="C7" s="53" t="s">
        <v>7</v>
      </c>
      <c r="D7" s="4" t="s">
        <v>7</v>
      </c>
      <c r="E7" s="73"/>
      <c r="F7" s="90"/>
    </row>
    <row r="8" spans="1:6" ht="12.95" customHeight="1">
      <c r="A8" s="78" t="s">
        <v>7</v>
      </c>
      <c r="B8" s="87" t="s">
        <v>7</v>
      </c>
      <c r="C8" s="53" t="s">
        <v>635</v>
      </c>
      <c r="D8" s="4" t="s">
        <v>7</v>
      </c>
      <c r="E8" s="7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7" t="s">
        <v>636</v>
      </c>
      <c r="E9" s="74"/>
      <c r="F9" s="91"/>
    </row>
    <row r="10" spans="1:6" ht="12.95" customHeight="1">
      <c r="A10" s="78" t="s">
        <v>7</v>
      </c>
      <c r="B10" s="89" t="s">
        <v>638</v>
      </c>
      <c r="C10" s="53" t="s">
        <v>7</v>
      </c>
      <c r="D10" s="9" t="s">
        <v>7</v>
      </c>
      <c r="E10" s="73"/>
      <c r="F10" s="90" t="s">
        <v>7</v>
      </c>
    </row>
    <row r="11" spans="1:6" ht="12.95" customHeight="1">
      <c r="A11" s="78" t="s">
        <v>7</v>
      </c>
      <c r="B11" s="87" t="s">
        <v>7</v>
      </c>
      <c r="C11" s="53" t="s">
        <v>7</v>
      </c>
      <c r="D11" s="9" t="s">
        <v>7</v>
      </c>
      <c r="E11" s="73"/>
      <c r="F11" s="90" t="s">
        <v>7</v>
      </c>
    </row>
    <row r="12" spans="1:6" ht="12.95" customHeight="1">
      <c r="A12" s="78" t="s">
        <v>7</v>
      </c>
      <c r="B12" s="88" t="s">
        <v>7</v>
      </c>
      <c r="C12" s="54" t="s">
        <v>7</v>
      </c>
      <c r="D12" s="7" t="s">
        <v>7</v>
      </c>
      <c r="E12" s="74"/>
      <c r="F12" s="91" t="s">
        <v>7</v>
      </c>
    </row>
    <row r="13" spans="1:6" ht="12.95" customHeight="1">
      <c r="A13" s="78"/>
      <c r="B13" s="10"/>
      <c r="C13" s="55"/>
      <c r="D13" s="11"/>
      <c r="E13" s="75"/>
      <c r="F13" s="12"/>
    </row>
    <row r="14" spans="1:6" ht="12.95" customHeight="1">
      <c r="A14" s="78"/>
      <c r="B14" s="3"/>
      <c r="C14" s="53"/>
      <c r="D14" s="9"/>
      <c r="E14" s="73"/>
      <c r="F14" s="5"/>
    </row>
    <row r="15" spans="1:6" ht="12.95" customHeight="1">
      <c r="A15" s="78"/>
      <c r="B15" s="6"/>
      <c r="C15" s="54"/>
      <c r="D15" s="7"/>
      <c r="E15" s="74"/>
      <c r="F15" s="8"/>
    </row>
    <row r="16" spans="1:6" ht="12.95" customHeight="1">
      <c r="A16" s="78"/>
      <c r="B16" s="10"/>
      <c r="C16" s="55"/>
      <c r="D16" s="11"/>
      <c r="E16" s="75"/>
      <c r="F16" s="12"/>
    </row>
    <row r="17" spans="1:6" ht="12.95" customHeight="1">
      <c r="A17" s="78"/>
      <c r="B17" s="3"/>
      <c r="C17" s="53"/>
      <c r="D17" s="9"/>
      <c r="E17" s="73"/>
      <c r="F17" s="5"/>
    </row>
    <row r="18" spans="1:6" ht="12.95" customHeight="1">
      <c r="A18" s="78"/>
      <c r="B18" s="6"/>
      <c r="C18" s="54"/>
      <c r="D18" s="7"/>
      <c r="E18" s="74"/>
      <c r="F18" s="8"/>
    </row>
    <row r="19" spans="1:6" ht="12.95" customHeight="1">
      <c r="A19" s="78"/>
      <c r="B19" s="10"/>
      <c r="C19" s="55"/>
      <c r="D19" s="11"/>
      <c r="E19" s="75"/>
      <c r="F19" s="12"/>
    </row>
    <row r="20" spans="1:6" ht="12.95" customHeight="1">
      <c r="A20" s="78"/>
      <c r="B20" s="3"/>
      <c r="C20" s="53"/>
      <c r="D20" s="9"/>
      <c r="E20" s="73"/>
      <c r="F20" s="5"/>
    </row>
    <row r="21" spans="1:6" ht="12.95" customHeight="1">
      <c r="A21" s="78"/>
      <c r="B21" s="6"/>
      <c r="C21" s="54"/>
      <c r="D21" s="7"/>
      <c r="E21" s="74"/>
      <c r="F21" s="8"/>
    </row>
    <row r="22" spans="1:6" ht="12.95" customHeight="1">
      <c r="A22" s="78"/>
      <c r="B22" s="10"/>
      <c r="C22" s="55"/>
      <c r="D22" s="11"/>
      <c r="E22" s="75"/>
      <c r="F22" s="12"/>
    </row>
    <row r="23" spans="1:6" ht="12.95" customHeight="1">
      <c r="A23" s="78"/>
      <c r="B23" s="3"/>
      <c r="C23" s="53"/>
      <c r="D23" s="9"/>
      <c r="E23" s="73"/>
      <c r="F23" s="5"/>
    </row>
    <row r="24" spans="1:6" ht="12.95" customHeight="1">
      <c r="A24" s="78"/>
      <c r="B24" s="6"/>
      <c r="C24" s="54"/>
      <c r="D24" s="7"/>
      <c r="E24" s="74"/>
      <c r="F24" s="8"/>
    </row>
    <row r="25" spans="1:6" ht="12.95" customHeight="1">
      <c r="A25" s="78"/>
      <c r="B25" s="10"/>
      <c r="C25" s="55"/>
      <c r="D25" s="11"/>
      <c r="E25" s="75"/>
      <c r="F25" s="12"/>
    </row>
    <row r="26" spans="1:6" ht="12.95" customHeight="1">
      <c r="A26" s="78"/>
      <c r="B26" s="3"/>
      <c r="C26" s="53"/>
      <c r="D26" s="9"/>
      <c r="E26" s="73"/>
      <c r="F26" s="5"/>
    </row>
    <row r="27" spans="1:6" ht="12.95" customHeight="1">
      <c r="A27" s="78"/>
      <c r="B27" s="6"/>
      <c r="C27" s="54"/>
      <c r="D27" s="7"/>
      <c r="E27" s="74"/>
      <c r="F27" s="8"/>
    </row>
    <row r="28" spans="1:6" ht="12.95" customHeight="1">
      <c r="A28" s="78"/>
      <c r="B28" s="10"/>
      <c r="C28" s="55"/>
      <c r="D28" s="11"/>
      <c r="E28" s="75"/>
      <c r="F28" s="12"/>
    </row>
    <row r="29" spans="1:6" ht="12.95" customHeight="1">
      <c r="A29" s="78"/>
      <c r="B29" s="3"/>
      <c r="C29" s="53"/>
      <c r="D29" s="9"/>
      <c r="E29" s="73"/>
      <c r="F29" s="5"/>
    </row>
    <row r="30" spans="1:6" ht="12.95" customHeight="1">
      <c r="A30" s="78"/>
      <c r="B30" s="6"/>
      <c r="C30" s="54"/>
      <c r="D30" s="7"/>
      <c r="E30" s="74"/>
      <c r="F30" s="8"/>
    </row>
    <row r="31" spans="1:6" ht="12.95" customHeight="1">
      <c r="A31" s="78"/>
      <c r="B31" s="10"/>
      <c r="C31" s="55"/>
      <c r="D31" s="11"/>
      <c r="E31" s="75"/>
      <c r="F31" s="12"/>
    </row>
    <row r="32" spans="1:6" ht="12.95" customHeight="1">
      <c r="A32" s="78"/>
      <c r="B32" s="3"/>
      <c r="C32" s="53"/>
      <c r="D32" s="9"/>
      <c r="E32" s="73"/>
      <c r="F32" s="5"/>
    </row>
    <row r="33" spans="1:6" ht="12.95" customHeight="1">
      <c r="A33" s="78"/>
      <c r="B33" s="6"/>
      <c r="C33" s="54"/>
      <c r="D33" s="7"/>
      <c r="E33" s="74"/>
      <c r="F33" s="8"/>
    </row>
    <row r="34" spans="1:6" ht="12.95" customHeight="1">
      <c r="A34" s="78"/>
      <c r="B34" s="10"/>
      <c r="C34" s="55"/>
      <c r="D34" s="11"/>
      <c r="E34" s="75"/>
      <c r="F34" s="12"/>
    </row>
    <row r="35" spans="1:6" ht="12.95" customHeight="1">
      <c r="A35" s="78"/>
      <c r="B35" s="3"/>
      <c r="C35" s="53"/>
      <c r="D35" s="9"/>
      <c r="E35" s="73"/>
      <c r="F35" s="5"/>
    </row>
    <row r="36" spans="1:6" ht="12.95" customHeight="1">
      <c r="A36" s="78"/>
      <c r="B36" s="6"/>
      <c r="C36" s="54"/>
      <c r="D36" s="7"/>
      <c r="E36" s="74"/>
      <c r="F36" s="8"/>
    </row>
    <row r="37" spans="1:6" ht="12.95" customHeight="1">
      <c r="A37" s="78"/>
      <c r="B37" s="10"/>
      <c r="C37" s="55"/>
      <c r="D37" s="11"/>
      <c r="E37" s="75"/>
      <c r="F37" s="12"/>
    </row>
    <row r="38" spans="1:6" ht="12.95" customHeight="1">
      <c r="A38" s="78"/>
      <c r="B38" s="3"/>
      <c r="C38" s="53"/>
      <c r="D38" s="9"/>
      <c r="E38" s="73"/>
      <c r="F38" s="5"/>
    </row>
    <row r="39" spans="1:6" ht="12.95" customHeight="1">
      <c r="A39" s="78"/>
      <c r="B39" s="6"/>
      <c r="C39" s="54"/>
      <c r="D39" s="7"/>
      <c r="E39" s="74"/>
      <c r="F39" s="8"/>
    </row>
    <row r="40" spans="1:6" ht="12.95" customHeight="1">
      <c r="A40" s="78"/>
      <c r="B40" s="10"/>
      <c r="C40" s="55"/>
      <c r="D40" s="13"/>
      <c r="E40" s="75"/>
      <c r="F40" s="12"/>
    </row>
    <row r="41" spans="1:6" ht="12.95" customHeight="1">
      <c r="A41" s="78"/>
      <c r="B41" s="3"/>
      <c r="C41" s="53"/>
      <c r="D41" s="9"/>
      <c r="E41" s="73"/>
      <c r="F41" s="5"/>
    </row>
    <row r="42" spans="1:6" ht="12.95" customHeight="1">
      <c r="A42" s="78"/>
      <c r="B42" s="6"/>
      <c r="C42" s="54"/>
      <c r="D42" s="7"/>
      <c r="E42" s="74"/>
      <c r="F42" s="8"/>
    </row>
    <row r="43" spans="1:6" ht="12.95" customHeight="1">
      <c r="A43" s="78"/>
      <c r="B43" s="10"/>
      <c r="C43" s="55"/>
      <c r="D43" s="11"/>
      <c r="E43" s="75"/>
      <c r="F43" s="12"/>
    </row>
    <row r="44" spans="1:6" ht="12.95" customHeight="1">
      <c r="A44" s="78"/>
      <c r="B44" s="3"/>
      <c r="C44" s="53"/>
      <c r="D44" s="9"/>
      <c r="E44" s="73"/>
      <c r="F44" s="5"/>
    </row>
    <row r="45" spans="1:6" ht="12.95" customHeight="1">
      <c r="A45" s="78"/>
      <c r="B45" s="6"/>
      <c r="C45" s="54"/>
      <c r="D45" s="7"/>
      <c r="E45" s="74"/>
      <c r="F45" s="8"/>
    </row>
    <row r="46" spans="1:6" ht="12.95" customHeight="1">
      <c r="A46" s="78"/>
      <c r="B46" s="10"/>
      <c r="C46" s="55"/>
      <c r="D46" s="11"/>
      <c r="E46" s="75"/>
      <c r="F46" s="12"/>
    </row>
    <row r="47" spans="1:6" ht="12.95" customHeight="1">
      <c r="A47" s="78"/>
      <c r="B47" s="3"/>
      <c r="C47" s="53"/>
      <c r="D47" s="9"/>
      <c r="E47" s="73"/>
      <c r="F47" s="5"/>
    </row>
    <row r="48" spans="1:6" ht="12.95" customHeight="1">
      <c r="A48" s="78"/>
      <c r="B48" s="6"/>
      <c r="C48" s="54"/>
      <c r="D48" s="7"/>
      <c r="E48" s="74"/>
      <c r="F48" s="8"/>
    </row>
    <row r="49" spans="1:6" ht="12.95" customHeight="1">
      <c r="A49" s="78"/>
      <c r="B49" s="10"/>
      <c r="C49" s="55"/>
      <c r="D49" s="11"/>
      <c r="E49" s="75"/>
      <c r="F49" s="12"/>
    </row>
    <row r="50" spans="1:6" ht="12.95" customHeight="1">
      <c r="A50" s="78"/>
      <c r="B50" s="3"/>
      <c r="C50" s="53"/>
      <c r="D50" s="4"/>
      <c r="E50" s="73"/>
      <c r="F50" s="5"/>
    </row>
    <row r="51" spans="1:6" ht="12.95" customHeight="1">
      <c r="A51" s="78"/>
      <c r="B51" s="6"/>
      <c r="C51" s="54"/>
      <c r="D51" s="7"/>
      <c r="E51" s="74"/>
      <c r="F51" s="8"/>
    </row>
    <row r="52" spans="1:6" ht="12.95" customHeight="1">
      <c r="A52" s="78"/>
      <c r="B52" s="10"/>
      <c r="C52" s="55"/>
      <c r="D52" s="11"/>
      <c r="E52" s="75"/>
      <c r="F52" s="12"/>
    </row>
    <row r="53" spans="1:6" ht="12.95" customHeight="1">
      <c r="A53" s="78"/>
      <c r="B53" s="3"/>
      <c r="C53" s="53"/>
      <c r="D53" s="9"/>
      <c r="E53" s="73"/>
      <c r="F53" s="5"/>
    </row>
    <row r="54" spans="1:6" ht="12.95" customHeight="1">
      <c r="A54" s="78"/>
      <c r="B54" s="6"/>
      <c r="C54" s="54"/>
      <c r="D54" s="7"/>
      <c r="E54" s="74"/>
      <c r="F54" s="8"/>
    </row>
    <row r="55" spans="1:6" ht="12.95" customHeight="1">
      <c r="A55" s="78"/>
      <c r="B55" s="10"/>
      <c r="C55" s="55"/>
      <c r="D55" s="11"/>
      <c r="E55" s="75"/>
      <c r="F55" s="12"/>
    </row>
    <row r="56" spans="1:6" ht="12.95" customHeight="1">
      <c r="A56" s="78"/>
      <c r="B56" s="3"/>
      <c r="C56" s="53"/>
      <c r="D56" s="9"/>
      <c r="E56" s="73"/>
      <c r="F56" s="5"/>
    </row>
    <row r="57" spans="1:6" ht="12.95" customHeight="1">
      <c r="A57" s="78"/>
      <c r="B57" s="6"/>
      <c r="C57" s="54"/>
      <c r="D57" s="7"/>
      <c r="E57" s="74"/>
      <c r="F57" s="8"/>
    </row>
    <row r="58" spans="1:6" ht="12.95" customHeight="1">
      <c r="A58" s="78"/>
      <c r="B58" s="10"/>
      <c r="C58" s="55"/>
      <c r="D58" s="11"/>
      <c r="E58" s="75"/>
      <c r="F58" s="12"/>
    </row>
    <row r="59" spans="1:6" ht="12.95" customHeight="1">
      <c r="A59" s="78"/>
      <c r="B59" s="3"/>
      <c r="C59" s="53"/>
      <c r="D59" s="9"/>
      <c r="E59" s="73"/>
      <c r="F59" s="5"/>
    </row>
    <row r="60" spans="1:6" ht="12.95" customHeight="1">
      <c r="A60" s="78"/>
      <c r="B60" s="6"/>
      <c r="C60" s="54"/>
      <c r="D60" s="14"/>
      <c r="E60" s="74"/>
      <c r="F60" s="8"/>
    </row>
    <row r="61" spans="1:6" ht="12.95" customHeight="1">
      <c r="A61" s="78"/>
      <c r="B61" s="10"/>
      <c r="C61" s="55"/>
      <c r="D61" s="11"/>
      <c r="E61" s="75"/>
      <c r="F61" s="12"/>
    </row>
    <row r="62" spans="1:6" ht="12.95" customHeight="1">
      <c r="A62" s="78"/>
      <c r="B62" s="3"/>
      <c r="C62" s="56"/>
      <c r="D62" s="15"/>
      <c r="E62" s="76"/>
      <c r="F62" s="5"/>
    </row>
    <row r="63" spans="1:6" ht="12.95" customHeight="1">
      <c r="A63" s="78"/>
      <c r="B63" s="16"/>
      <c r="C63" s="57"/>
      <c r="D63" s="17"/>
      <c r="E63" s="77"/>
      <c r="F63" s="18"/>
    </row>
    <row r="64" spans="1:6" ht="0.95" customHeight="1">
      <c r="B64" s="19"/>
      <c r="C64" s="19"/>
      <c r="D64" s="19"/>
      <c r="E64" s="19"/>
      <c r="F64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128"/>
  <sheetViews>
    <sheetView tabSelected="1" view="pageBreakPreview" zoomScaleNormal="115" workbookViewId="0">
      <selection activeCell="K19" sqref="K19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639</v>
      </c>
      <c r="C1" s="79"/>
      <c r="D1" s="79"/>
      <c r="E1" s="79"/>
      <c r="F1" s="80"/>
    </row>
    <row r="2" spans="1:6" ht="21" customHeight="1">
      <c r="A2" s="78"/>
      <c r="B2" s="127"/>
      <c r="C2" s="128"/>
      <c r="D2" s="128"/>
      <c r="E2" s="128"/>
      <c r="F2" s="129"/>
    </row>
    <row r="3" spans="1:6" ht="21" customHeight="1">
      <c r="A3" s="78"/>
      <c r="B3" s="84" t="s">
        <v>640</v>
      </c>
      <c r="C3" s="85" t="s">
        <v>641</v>
      </c>
      <c r="D3" s="85" t="s">
        <v>642</v>
      </c>
      <c r="E3" s="85" t="s">
        <v>643</v>
      </c>
      <c r="F3" s="86" t="s">
        <v>644</v>
      </c>
    </row>
    <row r="4" spans="1:6" ht="12.95" customHeight="1">
      <c r="A4" s="78" t="s">
        <v>7</v>
      </c>
      <c r="B4" s="87" t="s">
        <v>645</v>
      </c>
      <c r="C4" s="53" t="s">
        <v>7</v>
      </c>
      <c r="D4" s="92" t="s">
        <v>7</v>
      </c>
      <c r="E4" s="53" t="s">
        <v>7</v>
      </c>
      <c r="F4" s="90"/>
    </row>
    <row r="5" spans="1:6" ht="12.95" customHeight="1">
      <c r="A5" s="78" t="s">
        <v>7</v>
      </c>
      <c r="B5" s="87" t="s">
        <v>7</v>
      </c>
      <c r="C5" s="53" t="s">
        <v>646</v>
      </c>
      <c r="D5" s="93" t="s">
        <v>7</v>
      </c>
      <c r="E5" s="53"/>
      <c r="F5" s="90" t="s">
        <v>7</v>
      </c>
    </row>
    <row r="6" spans="1:6" ht="12.95" customHeight="1">
      <c r="A6" s="78" t="s">
        <v>7</v>
      </c>
      <c r="B6" s="88" t="s">
        <v>7</v>
      </c>
      <c r="C6" s="54" t="s">
        <v>7</v>
      </c>
      <c r="D6" s="94" t="s">
        <v>647</v>
      </c>
      <c r="E6" s="54"/>
      <c r="F6" s="91" t="s">
        <v>7</v>
      </c>
    </row>
    <row r="7" spans="1:6" ht="12.95" customHeight="1">
      <c r="A7" s="78" t="s">
        <v>7</v>
      </c>
      <c r="B7" s="89" t="s">
        <v>648</v>
      </c>
      <c r="C7" s="53" t="s">
        <v>7</v>
      </c>
      <c r="D7" s="93" t="s">
        <v>7</v>
      </c>
      <c r="E7" s="53"/>
      <c r="F7" s="95" t="s">
        <v>7</v>
      </c>
    </row>
    <row r="8" spans="1:6" ht="12.95" customHeight="1">
      <c r="A8" s="78" t="s">
        <v>7</v>
      </c>
      <c r="B8" s="87" t="s">
        <v>7</v>
      </c>
      <c r="C8" s="53" t="s">
        <v>7</v>
      </c>
      <c r="D8" s="93" t="s">
        <v>7</v>
      </c>
      <c r="E8" s="53"/>
      <c r="F8" s="95" t="s">
        <v>7</v>
      </c>
    </row>
    <row r="9" spans="1:6" ht="12.95" customHeight="1">
      <c r="A9" s="78" t="s">
        <v>7</v>
      </c>
      <c r="B9" s="88" t="s">
        <v>7</v>
      </c>
      <c r="C9" s="54" t="s">
        <v>7</v>
      </c>
      <c r="D9" s="94" t="s">
        <v>7</v>
      </c>
      <c r="E9" s="54"/>
      <c r="F9" s="96" t="s">
        <v>7</v>
      </c>
    </row>
    <row r="10" spans="1:6" ht="12.95" customHeight="1">
      <c r="A10" s="78"/>
      <c r="B10" s="10"/>
      <c r="C10" s="55"/>
      <c r="D10" s="11"/>
      <c r="E10" s="55"/>
      <c r="F10" s="22"/>
    </row>
    <row r="11" spans="1:6" ht="12.95" customHeight="1">
      <c r="A11" s="78"/>
      <c r="B11" s="3"/>
      <c r="C11" s="53"/>
      <c r="D11" s="9"/>
      <c r="E11" s="53"/>
      <c r="F11" s="20"/>
    </row>
    <row r="12" spans="1:6" ht="12.95" customHeight="1">
      <c r="A12" s="78"/>
      <c r="B12" s="6"/>
      <c r="C12" s="54"/>
      <c r="D12" s="7"/>
      <c r="E12" s="54"/>
      <c r="F12" s="21"/>
    </row>
    <row r="13" spans="1:6" ht="12.95" customHeight="1">
      <c r="A13" s="78"/>
      <c r="B13" s="10"/>
      <c r="C13" s="55"/>
      <c r="D13" s="11"/>
      <c r="E13" s="55"/>
      <c r="F13" s="22"/>
    </row>
    <row r="14" spans="1:6" ht="12.95" customHeight="1">
      <c r="A14" s="78"/>
      <c r="B14" s="3"/>
      <c r="C14" s="53"/>
      <c r="D14" s="9"/>
      <c r="E14" s="53"/>
      <c r="F14" s="20"/>
    </row>
    <row r="15" spans="1:6" ht="12.95" customHeight="1">
      <c r="A15" s="78"/>
      <c r="B15" s="6"/>
      <c r="C15" s="54"/>
      <c r="D15" s="7"/>
      <c r="E15" s="54"/>
      <c r="F15" s="21"/>
    </row>
    <row r="16" spans="1:6" ht="12.95" customHeight="1">
      <c r="A16" s="78"/>
      <c r="B16" s="10"/>
      <c r="C16" s="55"/>
      <c r="D16" s="11"/>
      <c r="E16" s="55"/>
      <c r="F16" s="22"/>
    </row>
    <row r="17" spans="1:6" ht="12.95" customHeight="1">
      <c r="A17" s="78"/>
      <c r="B17" s="3"/>
      <c r="C17" s="53"/>
      <c r="D17" s="9"/>
      <c r="E17" s="53"/>
      <c r="F17" s="20"/>
    </row>
    <row r="18" spans="1:6" ht="12.95" customHeight="1">
      <c r="A18" s="78"/>
      <c r="B18" s="6"/>
      <c r="C18" s="54"/>
      <c r="D18" s="7"/>
      <c r="E18" s="54"/>
      <c r="F18" s="21"/>
    </row>
    <row r="19" spans="1:6" ht="12.95" customHeight="1">
      <c r="A19" s="78"/>
      <c r="B19" s="10"/>
      <c r="C19" s="55"/>
      <c r="D19" s="11"/>
      <c r="E19" s="55"/>
      <c r="F19" s="22"/>
    </row>
    <row r="20" spans="1:6" ht="12.95" customHeight="1">
      <c r="A20" s="78"/>
      <c r="B20" s="3"/>
      <c r="C20" s="53"/>
      <c r="D20" s="9"/>
      <c r="E20" s="53"/>
      <c r="F20" s="20"/>
    </row>
    <row r="21" spans="1:6" ht="12.95" customHeight="1">
      <c r="A21" s="78"/>
      <c r="B21" s="6"/>
      <c r="C21" s="54"/>
      <c r="D21" s="7"/>
      <c r="E21" s="54"/>
      <c r="F21" s="21"/>
    </row>
    <row r="22" spans="1:6" ht="12.95" customHeight="1">
      <c r="A22" s="78"/>
      <c r="B22" s="10"/>
      <c r="C22" s="55"/>
      <c r="D22" s="11"/>
      <c r="E22" s="55"/>
      <c r="F22" s="22"/>
    </row>
    <row r="23" spans="1:6" ht="12.95" customHeight="1">
      <c r="A23" s="78"/>
      <c r="B23" s="3"/>
      <c r="C23" s="53"/>
      <c r="D23" s="9"/>
      <c r="E23" s="53"/>
      <c r="F23" s="20"/>
    </row>
    <row r="24" spans="1:6" ht="12.95" customHeight="1">
      <c r="A24" s="78"/>
      <c r="B24" s="6"/>
      <c r="C24" s="54"/>
      <c r="D24" s="7"/>
      <c r="E24" s="54"/>
      <c r="F24" s="21"/>
    </row>
    <row r="25" spans="1:6" ht="12.95" customHeight="1">
      <c r="A25" s="78"/>
      <c r="B25" s="10"/>
      <c r="C25" s="55"/>
      <c r="D25" s="11"/>
      <c r="E25" s="55"/>
      <c r="F25" s="22"/>
    </row>
    <row r="26" spans="1:6" ht="12.95" customHeight="1">
      <c r="A26" s="78"/>
      <c r="B26" s="3"/>
      <c r="C26" s="53"/>
      <c r="D26" s="9"/>
      <c r="E26" s="53"/>
      <c r="F26" s="20"/>
    </row>
    <row r="27" spans="1:6" ht="12.95" customHeight="1">
      <c r="A27" s="78"/>
      <c r="B27" s="6"/>
      <c r="C27" s="54"/>
      <c r="D27" s="7"/>
      <c r="E27" s="54"/>
      <c r="F27" s="21"/>
    </row>
    <row r="28" spans="1:6" ht="12.95" customHeight="1">
      <c r="A28" s="78"/>
      <c r="B28" s="10"/>
      <c r="C28" s="55"/>
      <c r="D28" s="11"/>
      <c r="E28" s="55"/>
      <c r="F28" s="22"/>
    </row>
    <row r="29" spans="1:6" ht="12.95" customHeight="1">
      <c r="A29" s="78"/>
      <c r="B29" s="3"/>
      <c r="C29" s="53"/>
      <c r="D29" s="9"/>
      <c r="E29" s="53"/>
      <c r="F29" s="20"/>
    </row>
    <row r="30" spans="1:6" ht="12.95" customHeight="1">
      <c r="A30" s="78"/>
      <c r="B30" s="6"/>
      <c r="C30" s="54"/>
      <c r="D30" s="7"/>
      <c r="E30" s="54"/>
      <c r="F30" s="21"/>
    </row>
    <row r="31" spans="1:6" ht="12.95" customHeight="1">
      <c r="A31" s="78"/>
      <c r="B31" s="10"/>
      <c r="C31" s="55"/>
      <c r="D31" s="11"/>
      <c r="E31" s="55"/>
      <c r="F31" s="22"/>
    </row>
    <row r="32" spans="1:6" ht="12.95" customHeight="1">
      <c r="A32" s="78"/>
      <c r="B32" s="3"/>
      <c r="C32" s="53"/>
      <c r="D32" s="9"/>
      <c r="E32" s="53"/>
      <c r="F32" s="20"/>
    </row>
    <row r="33" spans="1:6" ht="12.95" customHeight="1">
      <c r="A33" s="78"/>
      <c r="B33" s="6"/>
      <c r="C33" s="54"/>
      <c r="D33" s="7"/>
      <c r="E33" s="54"/>
      <c r="F33" s="21"/>
    </row>
    <row r="34" spans="1:6" ht="12.95" customHeight="1">
      <c r="A34" s="78"/>
      <c r="B34" s="10"/>
      <c r="C34" s="55"/>
      <c r="D34" s="11"/>
      <c r="E34" s="55"/>
      <c r="F34" s="22"/>
    </row>
    <row r="35" spans="1:6" ht="12.95" customHeight="1">
      <c r="A35" s="78"/>
      <c r="B35" s="3"/>
      <c r="C35" s="53"/>
      <c r="D35" s="9"/>
      <c r="E35" s="53"/>
      <c r="F35" s="20"/>
    </row>
    <row r="36" spans="1:6" ht="12.95" customHeight="1">
      <c r="A36" s="78"/>
      <c r="B36" s="6"/>
      <c r="C36" s="54"/>
      <c r="D36" s="7"/>
      <c r="E36" s="54"/>
      <c r="F36" s="21"/>
    </row>
    <row r="37" spans="1:6" ht="12.95" customHeight="1">
      <c r="A37" s="78"/>
      <c r="B37" s="10"/>
      <c r="C37" s="55"/>
      <c r="D37" s="11"/>
      <c r="E37" s="55"/>
      <c r="F37" s="22"/>
    </row>
    <row r="38" spans="1:6" ht="12.95" customHeight="1">
      <c r="A38" s="78"/>
      <c r="B38" s="3"/>
      <c r="C38" s="53"/>
      <c r="D38" s="9"/>
      <c r="E38" s="53"/>
      <c r="F38" s="20"/>
    </row>
    <row r="39" spans="1:6" ht="12.95" customHeight="1">
      <c r="A39" s="78"/>
      <c r="B39" s="6"/>
      <c r="C39" s="54"/>
      <c r="D39" s="7"/>
      <c r="E39" s="54"/>
      <c r="F39" s="21"/>
    </row>
    <row r="40" spans="1:6" ht="12.95" customHeight="1">
      <c r="A40" s="78"/>
      <c r="B40" s="10"/>
      <c r="C40" s="55"/>
      <c r="D40" s="13"/>
      <c r="E40" s="55"/>
      <c r="F40" s="22"/>
    </row>
    <row r="41" spans="1:6" ht="12.95" customHeight="1">
      <c r="A41" s="78"/>
      <c r="B41" s="3"/>
      <c r="C41" s="53"/>
      <c r="D41" s="9"/>
      <c r="E41" s="53"/>
      <c r="F41" s="20"/>
    </row>
    <row r="42" spans="1:6" ht="12.95" customHeight="1">
      <c r="A42" s="78"/>
      <c r="B42" s="6"/>
      <c r="C42" s="54"/>
      <c r="D42" s="7"/>
      <c r="E42" s="54"/>
      <c r="F42" s="21"/>
    </row>
    <row r="43" spans="1:6" ht="12.95" customHeight="1">
      <c r="A43" s="78"/>
      <c r="B43" s="10"/>
      <c r="C43" s="55"/>
      <c r="D43" s="11"/>
      <c r="E43" s="55"/>
      <c r="F43" s="22"/>
    </row>
    <row r="44" spans="1:6" ht="12.95" customHeight="1">
      <c r="A44" s="78"/>
      <c r="B44" s="3"/>
      <c r="C44" s="53"/>
      <c r="D44" s="9"/>
      <c r="E44" s="53"/>
      <c r="F44" s="20"/>
    </row>
    <row r="45" spans="1:6" ht="12.95" customHeight="1">
      <c r="A45" s="78"/>
      <c r="B45" s="6"/>
      <c r="C45" s="54"/>
      <c r="D45" s="7"/>
      <c r="E45" s="54"/>
      <c r="F45" s="21"/>
    </row>
    <row r="46" spans="1:6" ht="12.95" customHeight="1">
      <c r="A46" s="78"/>
      <c r="B46" s="10"/>
      <c r="C46" s="55"/>
      <c r="D46" s="11"/>
      <c r="E46" s="55"/>
      <c r="F46" s="22"/>
    </row>
    <row r="47" spans="1:6" ht="12.95" customHeight="1">
      <c r="A47" s="78"/>
      <c r="B47" s="3"/>
      <c r="C47" s="53"/>
      <c r="D47" s="9"/>
      <c r="E47" s="53"/>
      <c r="F47" s="20"/>
    </row>
    <row r="48" spans="1:6" ht="12.95" customHeight="1">
      <c r="A48" s="78"/>
      <c r="B48" s="6"/>
      <c r="C48" s="54"/>
      <c r="D48" s="7"/>
      <c r="E48" s="54"/>
      <c r="F48" s="21"/>
    </row>
    <row r="49" spans="1:6" ht="12.95" customHeight="1">
      <c r="A49" s="78"/>
      <c r="B49" s="10"/>
      <c r="C49" s="55"/>
      <c r="D49" s="11"/>
      <c r="E49" s="55"/>
      <c r="F49" s="22"/>
    </row>
    <row r="50" spans="1:6" ht="12.95" customHeight="1">
      <c r="A50" s="78"/>
      <c r="B50" s="3"/>
      <c r="C50" s="53"/>
      <c r="D50" s="4"/>
      <c r="E50" s="53"/>
      <c r="F50" s="20"/>
    </row>
    <row r="51" spans="1:6" ht="12.95" customHeight="1">
      <c r="A51" s="78"/>
      <c r="B51" s="6"/>
      <c r="C51" s="54"/>
      <c r="D51" s="7"/>
      <c r="E51" s="54"/>
      <c r="F51" s="21"/>
    </row>
    <row r="52" spans="1:6" ht="12.95" customHeight="1">
      <c r="A52" s="78"/>
      <c r="B52" s="10"/>
      <c r="C52" s="55"/>
      <c r="D52" s="11"/>
      <c r="E52" s="55"/>
      <c r="F52" s="22"/>
    </row>
    <row r="53" spans="1:6" ht="12.95" customHeight="1">
      <c r="A53" s="78"/>
      <c r="B53" s="3"/>
      <c r="C53" s="53"/>
      <c r="D53" s="9"/>
      <c r="E53" s="53"/>
      <c r="F53" s="20"/>
    </row>
    <row r="54" spans="1:6" ht="12.95" customHeight="1">
      <c r="A54" s="78"/>
      <c r="B54" s="6"/>
      <c r="C54" s="54"/>
      <c r="D54" s="7"/>
      <c r="E54" s="54"/>
      <c r="F54" s="21"/>
    </row>
    <row r="55" spans="1:6" ht="12.95" customHeight="1">
      <c r="A55" s="78"/>
      <c r="B55" s="10"/>
      <c r="C55" s="55"/>
      <c r="D55" s="11"/>
      <c r="E55" s="55"/>
      <c r="F55" s="22"/>
    </row>
    <row r="56" spans="1:6" ht="12.95" customHeight="1">
      <c r="A56" s="78"/>
      <c r="B56" s="3"/>
      <c r="C56" s="53"/>
      <c r="D56" s="9"/>
      <c r="E56" s="53"/>
      <c r="F56" s="20"/>
    </row>
    <row r="57" spans="1:6" ht="12.95" customHeight="1">
      <c r="A57" s="78"/>
      <c r="B57" s="6"/>
      <c r="C57" s="54"/>
      <c r="D57" s="7"/>
      <c r="E57" s="54"/>
      <c r="F57" s="21"/>
    </row>
    <row r="58" spans="1:6" ht="12.95" customHeight="1">
      <c r="A58" s="78"/>
      <c r="B58" s="10"/>
      <c r="C58" s="55"/>
      <c r="D58" s="11"/>
      <c r="E58" s="55"/>
      <c r="F58" s="22"/>
    </row>
    <row r="59" spans="1:6" ht="12.95" customHeight="1">
      <c r="A59" s="78"/>
      <c r="B59" s="3"/>
      <c r="C59" s="53"/>
      <c r="D59" s="9"/>
      <c r="E59" s="53"/>
      <c r="F59" s="20"/>
    </row>
    <row r="60" spans="1:6" ht="12.95" customHeight="1">
      <c r="A60" s="78"/>
      <c r="B60" s="6"/>
      <c r="C60" s="54"/>
      <c r="D60" s="14"/>
      <c r="E60" s="54"/>
      <c r="F60" s="21"/>
    </row>
    <row r="61" spans="1:6" ht="12.95" customHeight="1">
      <c r="A61" s="78"/>
      <c r="B61" s="10"/>
      <c r="C61" s="55"/>
      <c r="D61" s="11"/>
      <c r="E61" s="55"/>
      <c r="F61" s="22"/>
    </row>
    <row r="62" spans="1:6" ht="12.95" customHeight="1">
      <c r="A62" s="78"/>
      <c r="B62" s="3"/>
      <c r="C62" s="56"/>
      <c r="D62" s="15"/>
      <c r="E62" s="56"/>
      <c r="F62" s="20"/>
    </row>
    <row r="63" spans="1:6" ht="12.95" customHeight="1">
      <c r="A63" s="78"/>
      <c r="B63" s="16"/>
      <c r="C63" s="57"/>
      <c r="D63" s="17"/>
      <c r="E63" s="57"/>
      <c r="F63" s="23"/>
    </row>
    <row r="64" spans="1:6" ht="0.95" customHeight="1">
      <c r="B64" s="19"/>
      <c r="C64" s="19"/>
      <c r="D64" s="19"/>
      <c r="E64" s="19"/>
      <c r="F64" s="19"/>
    </row>
    <row r="65" spans="1:6" s="1" customFormat="1" ht="18" customHeight="1">
      <c r="B65" s="79" t="s">
        <v>649</v>
      </c>
      <c r="C65" s="79"/>
      <c r="D65" s="79"/>
      <c r="E65" s="79"/>
      <c r="F65" s="80"/>
    </row>
    <row r="66" spans="1:6" ht="21" customHeight="1">
      <c r="A66" s="78"/>
      <c r="B66" s="127"/>
      <c r="C66" s="128"/>
      <c r="D66" s="128"/>
      <c r="E66" s="128"/>
      <c r="F66" s="129"/>
    </row>
    <row r="67" spans="1:6" ht="21" customHeight="1">
      <c r="A67" s="78"/>
      <c r="B67" s="84" t="s">
        <v>640</v>
      </c>
      <c r="C67" s="85" t="s">
        <v>641</v>
      </c>
      <c r="D67" s="85" t="s">
        <v>642</v>
      </c>
      <c r="E67" s="85" t="s">
        <v>643</v>
      </c>
      <c r="F67" s="86" t="s">
        <v>644</v>
      </c>
    </row>
    <row r="68" spans="1:6" ht="12.95" customHeight="1">
      <c r="A68" s="78" t="s">
        <v>7</v>
      </c>
      <c r="B68" s="87" t="s">
        <v>650</v>
      </c>
      <c r="C68" s="53" t="s">
        <v>7</v>
      </c>
      <c r="D68" s="92" t="s">
        <v>7</v>
      </c>
      <c r="E68" s="53" t="s">
        <v>7</v>
      </c>
      <c r="F68" s="90"/>
    </row>
    <row r="69" spans="1:6" ht="12.95" customHeight="1">
      <c r="A69" s="78" t="s">
        <v>7</v>
      </c>
      <c r="B69" s="87" t="s">
        <v>7</v>
      </c>
      <c r="C69" s="53" t="s">
        <v>646</v>
      </c>
      <c r="D69" s="93" t="s">
        <v>7</v>
      </c>
      <c r="E69" s="53"/>
      <c r="F69" s="90" t="s">
        <v>7</v>
      </c>
    </row>
    <row r="70" spans="1:6" ht="12.95" customHeight="1">
      <c r="A70" s="78" t="s">
        <v>7</v>
      </c>
      <c r="B70" s="88" t="s">
        <v>7</v>
      </c>
      <c r="C70" s="54" t="s">
        <v>7</v>
      </c>
      <c r="D70" s="94" t="s">
        <v>647</v>
      </c>
      <c r="E70" s="54"/>
      <c r="F70" s="91" t="s">
        <v>7</v>
      </c>
    </row>
    <row r="71" spans="1:6" ht="12.95" customHeight="1">
      <c r="A71" s="78" t="s">
        <v>7</v>
      </c>
      <c r="B71" s="89" t="s">
        <v>648</v>
      </c>
      <c r="C71" s="53" t="s">
        <v>7</v>
      </c>
      <c r="D71" s="93" t="s">
        <v>7</v>
      </c>
      <c r="E71" s="53"/>
      <c r="F71" s="95" t="s">
        <v>7</v>
      </c>
    </row>
    <row r="72" spans="1:6" ht="12.95" customHeight="1">
      <c r="A72" s="78" t="s">
        <v>7</v>
      </c>
      <c r="B72" s="87" t="s">
        <v>7</v>
      </c>
      <c r="C72" s="53" t="s">
        <v>7</v>
      </c>
      <c r="D72" s="93" t="s">
        <v>7</v>
      </c>
      <c r="E72" s="53"/>
      <c r="F72" s="95" t="s">
        <v>7</v>
      </c>
    </row>
    <row r="73" spans="1:6" ht="12.95" customHeight="1">
      <c r="A73" s="78" t="s">
        <v>7</v>
      </c>
      <c r="B73" s="88" t="s">
        <v>7</v>
      </c>
      <c r="C73" s="54" t="s">
        <v>7</v>
      </c>
      <c r="D73" s="94" t="s">
        <v>7</v>
      </c>
      <c r="E73" s="54"/>
      <c r="F73" s="96" t="s">
        <v>7</v>
      </c>
    </row>
    <row r="74" spans="1:6" ht="12.95" customHeight="1">
      <c r="A74" s="78"/>
      <c r="B74" s="10"/>
      <c r="C74" s="55"/>
      <c r="D74" s="11"/>
      <c r="E74" s="55"/>
      <c r="F74" s="22"/>
    </row>
    <row r="75" spans="1:6" ht="12.95" customHeight="1">
      <c r="A75" s="78"/>
      <c r="B75" s="3"/>
      <c r="C75" s="53"/>
      <c r="D75" s="9"/>
      <c r="E75" s="53"/>
      <c r="F75" s="20"/>
    </row>
    <row r="76" spans="1:6" ht="12.95" customHeight="1">
      <c r="A76" s="78"/>
      <c r="B76" s="6"/>
      <c r="C76" s="54"/>
      <c r="D76" s="7"/>
      <c r="E76" s="54"/>
      <c r="F76" s="21"/>
    </row>
    <row r="77" spans="1:6" ht="12.95" customHeight="1">
      <c r="A77" s="78"/>
      <c r="B77" s="10"/>
      <c r="C77" s="55"/>
      <c r="D77" s="11"/>
      <c r="E77" s="55"/>
      <c r="F77" s="22"/>
    </row>
    <row r="78" spans="1:6" ht="12.95" customHeight="1">
      <c r="A78" s="78"/>
      <c r="B78" s="3"/>
      <c r="C78" s="53"/>
      <c r="D78" s="9"/>
      <c r="E78" s="53"/>
      <c r="F78" s="20"/>
    </row>
    <row r="79" spans="1:6" ht="12.95" customHeight="1">
      <c r="A79" s="78"/>
      <c r="B79" s="6"/>
      <c r="C79" s="54"/>
      <c r="D79" s="7"/>
      <c r="E79" s="54"/>
      <c r="F79" s="21"/>
    </row>
    <row r="80" spans="1:6" ht="12.95" customHeight="1">
      <c r="A80" s="78"/>
      <c r="B80" s="10"/>
      <c r="C80" s="55"/>
      <c r="D80" s="11"/>
      <c r="E80" s="55"/>
      <c r="F80" s="22"/>
    </row>
    <row r="81" spans="1:6" ht="12.95" customHeight="1">
      <c r="A81" s="78"/>
      <c r="B81" s="3"/>
      <c r="C81" s="53"/>
      <c r="D81" s="9"/>
      <c r="E81" s="53"/>
      <c r="F81" s="20"/>
    </row>
    <row r="82" spans="1:6" ht="12.95" customHeight="1">
      <c r="A82" s="78"/>
      <c r="B82" s="6"/>
      <c r="C82" s="54"/>
      <c r="D82" s="7"/>
      <c r="E82" s="54"/>
      <c r="F82" s="21"/>
    </row>
    <row r="83" spans="1:6" ht="12.95" customHeight="1">
      <c r="A83" s="78"/>
      <c r="B83" s="10"/>
      <c r="C83" s="55"/>
      <c r="D83" s="11"/>
      <c r="E83" s="55"/>
      <c r="F83" s="22"/>
    </row>
    <row r="84" spans="1:6" ht="12.95" customHeight="1">
      <c r="A84" s="78"/>
      <c r="B84" s="3"/>
      <c r="C84" s="53"/>
      <c r="D84" s="9"/>
      <c r="E84" s="53"/>
      <c r="F84" s="20"/>
    </row>
    <row r="85" spans="1:6" ht="12.95" customHeight="1">
      <c r="A85" s="78"/>
      <c r="B85" s="6"/>
      <c r="C85" s="54"/>
      <c r="D85" s="7"/>
      <c r="E85" s="54"/>
      <c r="F85" s="21"/>
    </row>
    <row r="86" spans="1:6" ht="12.95" customHeight="1">
      <c r="A86" s="78"/>
      <c r="B86" s="10"/>
      <c r="C86" s="55"/>
      <c r="D86" s="11"/>
      <c r="E86" s="55"/>
      <c r="F86" s="22"/>
    </row>
    <row r="87" spans="1:6" ht="12.95" customHeight="1">
      <c r="A87" s="78"/>
      <c r="B87" s="3"/>
      <c r="C87" s="53"/>
      <c r="D87" s="9"/>
      <c r="E87" s="53"/>
      <c r="F87" s="20"/>
    </row>
    <row r="88" spans="1:6" ht="12.95" customHeight="1">
      <c r="A88" s="78"/>
      <c r="B88" s="6"/>
      <c r="C88" s="54"/>
      <c r="D88" s="7"/>
      <c r="E88" s="54"/>
      <c r="F88" s="21"/>
    </row>
    <row r="89" spans="1:6" ht="12.95" customHeight="1">
      <c r="A89" s="78"/>
      <c r="B89" s="10"/>
      <c r="C89" s="55"/>
      <c r="D89" s="11"/>
      <c r="E89" s="55"/>
      <c r="F89" s="22"/>
    </row>
    <row r="90" spans="1:6" ht="12.95" customHeight="1">
      <c r="A90" s="78"/>
      <c r="B90" s="3"/>
      <c r="C90" s="53"/>
      <c r="D90" s="9"/>
      <c r="E90" s="53"/>
      <c r="F90" s="20"/>
    </row>
    <row r="91" spans="1:6" ht="12.95" customHeight="1">
      <c r="A91" s="78"/>
      <c r="B91" s="6"/>
      <c r="C91" s="54"/>
      <c r="D91" s="7"/>
      <c r="E91" s="54"/>
      <c r="F91" s="21"/>
    </row>
    <row r="92" spans="1:6" ht="12.95" customHeight="1">
      <c r="A92" s="78"/>
      <c r="B92" s="10"/>
      <c r="C92" s="55"/>
      <c r="D92" s="11"/>
      <c r="E92" s="55"/>
      <c r="F92" s="22"/>
    </row>
    <row r="93" spans="1:6" ht="12.95" customHeight="1">
      <c r="A93" s="78"/>
      <c r="B93" s="3"/>
      <c r="C93" s="53"/>
      <c r="D93" s="9"/>
      <c r="E93" s="53"/>
      <c r="F93" s="20"/>
    </row>
    <row r="94" spans="1:6" ht="12.95" customHeight="1">
      <c r="A94" s="78"/>
      <c r="B94" s="6"/>
      <c r="C94" s="54"/>
      <c r="D94" s="7"/>
      <c r="E94" s="54"/>
      <c r="F94" s="21"/>
    </row>
    <row r="95" spans="1:6" ht="12.95" customHeight="1">
      <c r="A95" s="78"/>
      <c r="B95" s="10"/>
      <c r="C95" s="55"/>
      <c r="D95" s="11"/>
      <c r="E95" s="55"/>
      <c r="F95" s="22"/>
    </row>
    <row r="96" spans="1:6" ht="12.95" customHeight="1">
      <c r="A96" s="78"/>
      <c r="B96" s="3"/>
      <c r="C96" s="53"/>
      <c r="D96" s="9"/>
      <c r="E96" s="53"/>
      <c r="F96" s="20"/>
    </row>
    <row r="97" spans="1:6" ht="12.95" customHeight="1">
      <c r="A97" s="78"/>
      <c r="B97" s="6"/>
      <c r="C97" s="54"/>
      <c r="D97" s="7"/>
      <c r="E97" s="54"/>
      <c r="F97" s="21"/>
    </row>
    <row r="98" spans="1:6" ht="12.95" customHeight="1">
      <c r="A98" s="78"/>
      <c r="B98" s="10"/>
      <c r="C98" s="55"/>
      <c r="D98" s="11"/>
      <c r="E98" s="55"/>
      <c r="F98" s="22"/>
    </row>
    <row r="99" spans="1:6" ht="12.95" customHeight="1">
      <c r="A99" s="78"/>
      <c r="B99" s="3"/>
      <c r="C99" s="53"/>
      <c r="D99" s="9"/>
      <c r="E99" s="53"/>
      <c r="F99" s="20"/>
    </row>
    <row r="100" spans="1:6" ht="12.95" customHeight="1">
      <c r="A100" s="78"/>
      <c r="B100" s="6"/>
      <c r="C100" s="54"/>
      <c r="D100" s="7"/>
      <c r="E100" s="54"/>
      <c r="F100" s="21"/>
    </row>
    <row r="101" spans="1:6" ht="12.95" customHeight="1">
      <c r="A101" s="78"/>
      <c r="B101" s="10"/>
      <c r="C101" s="55"/>
      <c r="D101" s="11"/>
      <c r="E101" s="55"/>
      <c r="F101" s="22"/>
    </row>
    <row r="102" spans="1:6" ht="12.95" customHeight="1">
      <c r="A102" s="78"/>
      <c r="B102" s="3"/>
      <c r="C102" s="53"/>
      <c r="D102" s="9"/>
      <c r="E102" s="53"/>
      <c r="F102" s="20"/>
    </row>
    <row r="103" spans="1:6" ht="12.95" customHeight="1">
      <c r="A103" s="78"/>
      <c r="B103" s="6"/>
      <c r="C103" s="54"/>
      <c r="D103" s="7"/>
      <c r="E103" s="54"/>
      <c r="F103" s="21"/>
    </row>
    <row r="104" spans="1:6" ht="12.95" customHeight="1">
      <c r="A104" s="78"/>
      <c r="B104" s="10"/>
      <c r="C104" s="55"/>
      <c r="D104" s="13"/>
      <c r="E104" s="55"/>
      <c r="F104" s="22"/>
    </row>
    <row r="105" spans="1:6" ht="12.95" customHeight="1">
      <c r="A105" s="78"/>
      <c r="B105" s="3"/>
      <c r="C105" s="53"/>
      <c r="D105" s="9"/>
      <c r="E105" s="53"/>
      <c r="F105" s="20"/>
    </row>
    <row r="106" spans="1:6" ht="12.95" customHeight="1">
      <c r="A106" s="78"/>
      <c r="B106" s="6"/>
      <c r="C106" s="54"/>
      <c r="D106" s="7"/>
      <c r="E106" s="54"/>
      <c r="F106" s="21"/>
    </row>
    <row r="107" spans="1:6" ht="12.95" customHeight="1">
      <c r="A107" s="78"/>
      <c r="B107" s="10"/>
      <c r="C107" s="55"/>
      <c r="D107" s="11"/>
      <c r="E107" s="55"/>
      <c r="F107" s="22"/>
    </row>
    <row r="108" spans="1:6" ht="12.95" customHeight="1">
      <c r="A108" s="78"/>
      <c r="B108" s="3"/>
      <c r="C108" s="53"/>
      <c r="D108" s="9"/>
      <c r="E108" s="53"/>
      <c r="F108" s="20"/>
    </row>
    <row r="109" spans="1:6" ht="12.95" customHeight="1">
      <c r="A109" s="78"/>
      <c r="B109" s="6"/>
      <c r="C109" s="54"/>
      <c r="D109" s="7"/>
      <c r="E109" s="54"/>
      <c r="F109" s="21"/>
    </row>
    <row r="110" spans="1:6" ht="12.95" customHeight="1">
      <c r="A110" s="78"/>
      <c r="B110" s="10"/>
      <c r="C110" s="55"/>
      <c r="D110" s="11"/>
      <c r="E110" s="55"/>
      <c r="F110" s="22"/>
    </row>
    <row r="111" spans="1:6" ht="12.95" customHeight="1">
      <c r="A111" s="78"/>
      <c r="B111" s="3"/>
      <c r="C111" s="53"/>
      <c r="D111" s="9"/>
      <c r="E111" s="53"/>
      <c r="F111" s="20"/>
    </row>
    <row r="112" spans="1:6" ht="12.95" customHeight="1">
      <c r="A112" s="78"/>
      <c r="B112" s="6"/>
      <c r="C112" s="54"/>
      <c r="D112" s="7"/>
      <c r="E112" s="54"/>
      <c r="F112" s="21"/>
    </row>
    <row r="113" spans="1:6" ht="12.95" customHeight="1">
      <c r="A113" s="78"/>
      <c r="B113" s="10"/>
      <c r="C113" s="55"/>
      <c r="D113" s="11"/>
      <c r="E113" s="55"/>
      <c r="F113" s="22"/>
    </row>
    <row r="114" spans="1:6" ht="12.95" customHeight="1">
      <c r="A114" s="78"/>
      <c r="B114" s="3"/>
      <c r="C114" s="53"/>
      <c r="D114" s="4"/>
      <c r="E114" s="53"/>
      <c r="F114" s="20"/>
    </row>
    <row r="115" spans="1:6" ht="12.95" customHeight="1">
      <c r="A115" s="78"/>
      <c r="B115" s="6"/>
      <c r="C115" s="54"/>
      <c r="D115" s="7"/>
      <c r="E115" s="54"/>
      <c r="F115" s="21"/>
    </row>
    <row r="116" spans="1:6" ht="12.95" customHeight="1">
      <c r="A116" s="78"/>
      <c r="B116" s="10"/>
      <c r="C116" s="55"/>
      <c r="D116" s="11"/>
      <c r="E116" s="55"/>
      <c r="F116" s="22"/>
    </row>
    <row r="117" spans="1:6" ht="12.95" customHeight="1">
      <c r="A117" s="78"/>
      <c r="B117" s="3"/>
      <c r="C117" s="53"/>
      <c r="D117" s="9"/>
      <c r="E117" s="53"/>
      <c r="F117" s="20"/>
    </row>
    <row r="118" spans="1:6" ht="12.95" customHeight="1">
      <c r="A118" s="78"/>
      <c r="B118" s="6"/>
      <c r="C118" s="54"/>
      <c r="D118" s="7"/>
      <c r="E118" s="54"/>
      <c r="F118" s="21"/>
    </row>
    <row r="119" spans="1:6" ht="12.95" customHeight="1">
      <c r="A119" s="78"/>
      <c r="B119" s="10"/>
      <c r="C119" s="55"/>
      <c r="D119" s="11"/>
      <c r="E119" s="55"/>
      <c r="F119" s="22"/>
    </row>
    <row r="120" spans="1:6" ht="12.95" customHeight="1">
      <c r="A120" s="78"/>
      <c r="B120" s="3"/>
      <c r="C120" s="53"/>
      <c r="D120" s="9"/>
      <c r="E120" s="53"/>
      <c r="F120" s="20"/>
    </row>
    <row r="121" spans="1:6" ht="12.95" customHeight="1">
      <c r="A121" s="78"/>
      <c r="B121" s="6"/>
      <c r="C121" s="54"/>
      <c r="D121" s="7"/>
      <c r="E121" s="54"/>
      <c r="F121" s="21"/>
    </row>
    <row r="122" spans="1:6" ht="12.95" customHeight="1">
      <c r="A122" s="78"/>
      <c r="B122" s="10"/>
      <c r="C122" s="55"/>
      <c r="D122" s="11"/>
      <c r="E122" s="55"/>
      <c r="F122" s="22"/>
    </row>
    <row r="123" spans="1:6" ht="12.95" customHeight="1">
      <c r="A123" s="78"/>
      <c r="B123" s="3"/>
      <c r="C123" s="53"/>
      <c r="D123" s="9"/>
      <c r="E123" s="53"/>
      <c r="F123" s="20"/>
    </row>
    <row r="124" spans="1:6" ht="12.95" customHeight="1">
      <c r="A124" s="78"/>
      <c r="B124" s="6"/>
      <c r="C124" s="54"/>
      <c r="D124" s="14"/>
      <c r="E124" s="54"/>
      <c r="F124" s="21"/>
    </row>
    <row r="125" spans="1:6" ht="12.95" customHeight="1">
      <c r="A125" s="78"/>
      <c r="B125" s="10"/>
      <c r="C125" s="55"/>
      <c r="D125" s="11"/>
      <c r="E125" s="55"/>
      <c r="F125" s="22"/>
    </row>
    <row r="126" spans="1:6" ht="12.95" customHeight="1">
      <c r="A126" s="78"/>
      <c r="B126" s="3"/>
      <c r="C126" s="56"/>
      <c r="D126" s="15"/>
      <c r="E126" s="56"/>
      <c r="F126" s="20"/>
    </row>
    <row r="127" spans="1:6" ht="12.95" customHeight="1">
      <c r="A127" s="78"/>
      <c r="B127" s="16"/>
      <c r="C127" s="57"/>
      <c r="D127" s="17"/>
      <c r="E127" s="57"/>
      <c r="F127" s="23"/>
    </row>
    <row r="128" spans="1:6" ht="0.95" customHeight="1">
      <c r="B128" s="19"/>
      <c r="C128" s="19"/>
      <c r="D128" s="19"/>
      <c r="E128" s="19"/>
      <c r="F128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2" manualBreakCount="2">
    <brk id="64" max="16383" man="1"/>
    <brk id="128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128"/>
  <sheetViews>
    <sheetView tabSelected="1" view="pageBreakPreview" zoomScaleNormal="115" workbookViewId="0">
      <selection activeCell="K19" sqref="K19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651</v>
      </c>
      <c r="C1" s="79"/>
      <c r="D1" s="79"/>
      <c r="E1" s="79"/>
      <c r="F1" s="80"/>
    </row>
    <row r="2" spans="1:6" ht="21" customHeight="1">
      <c r="A2" s="78"/>
      <c r="B2" s="206" t="s">
        <v>653</v>
      </c>
      <c r="C2" s="206"/>
      <c r="D2" s="206"/>
      <c r="E2" s="206"/>
      <c r="F2" s="206"/>
    </row>
    <row r="3" spans="1:6" ht="21" customHeight="1">
      <c r="A3" s="78"/>
      <c r="B3" s="84" t="s">
        <v>654</v>
      </c>
      <c r="C3" s="85" t="s">
        <v>655</v>
      </c>
      <c r="D3" s="85" t="s">
        <v>656</v>
      </c>
      <c r="E3" s="85" t="s">
        <v>657</v>
      </c>
      <c r="F3" s="86" t="s">
        <v>658</v>
      </c>
    </row>
    <row r="4" spans="1:6" ht="12.95" customHeight="1">
      <c r="A4" s="78" t="s">
        <v>7</v>
      </c>
      <c r="B4" s="87" t="s">
        <v>659</v>
      </c>
      <c r="C4" s="53" t="s">
        <v>7</v>
      </c>
      <c r="D4" s="92" t="s">
        <v>7</v>
      </c>
      <c r="E4" s="53"/>
      <c r="F4" s="90"/>
    </row>
    <row r="5" spans="1:6" ht="12.95" customHeight="1">
      <c r="A5" s="78" t="s">
        <v>7</v>
      </c>
      <c r="B5" s="87" t="s">
        <v>7</v>
      </c>
      <c r="C5" s="53" t="s">
        <v>660</v>
      </c>
      <c r="D5" s="93" t="s">
        <v>7</v>
      </c>
      <c r="E5" s="53"/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94" t="s">
        <v>661</v>
      </c>
      <c r="E6" s="54"/>
      <c r="F6" s="91"/>
    </row>
    <row r="7" spans="1:6" ht="12.95" customHeight="1">
      <c r="A7" s="78" t="s">
        <v>7</v>
      </c>
      <c r="B7" s="87" t="s">
        <v>662</v>
      </c>
      <c r="C7" s="53" t="s">
        <v>7</v>
      </c>
      <c r="D7" s="92" t="s">
        <v>7</v>
      </c>
      <c r="E7" s="53"/>
      <c r="F7" s="90"/>
    </row>
    <row r="8" spans="1:6" ht="12.95" customHeight="1">
      <c r="A8" s="78" t="s">
        <v>7</v>
      </c>
      <c r="B8" s="87" t="s">
        <v>7</v>
      </c>
      <c r="C8" s="53" t="s">
        <v>660</v>
      </c>
      <c r="D8" s="93" t="s">
        <v>7</v>
      </c>
      <c r="E8" s="5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94" t="s">
        <v>661</v>
      </c>
      <c r="E9" s="54"/>
      <c r="F9" s="91"/>
    </row>
    <row r="10" spans="1:6" ht="12.95" customHeight="1">
      <c r="A10" s="78" t="s">
        <v>7</v>
      </c>
      <c r="B10" s="87" t="s">
        <v>663</v>
      </c>
      <c r="C10" s="53" t="s">
        <v>7</v>
      </c>
      <c r="D10" s="92" t="s">
        <v>7</v>
      </c>
      <c r="E10" s="53"/>
      <c r="F10" s="90"/>
    </row>
    <row r="11" spans="1:6" ht="12.95" customHeight="1">
      <c r="A11" s="78" t="s">
        <v>7</v>
      </c>
      <c r="B11" s="87" t="s">
        <v>7</v>
      </c>
      <c r="C11" s="53" t="s">
        <v>660</v>
      </c>
      <c r="D11" s="93" t="s">
        <v>7</v>
      </c>
      <c r="E11" s="53"/>
      <c r="F11" s="90"/>
    </row>
    <row r="12" spans="1:6" ht="12.95" customHeight="1">
      <c r="A12" s="78" t="s">
        <v>7</v>
      </c>
      <c r="B12" s="88" t="s">
        <v>7</v>
      </c>
      <c r="C12" s="54" t="s">
        <v>7</v>
      </c>
      <c r="D12" s="94" t="s">
        <v>661</v>
      </c>
      <c r="E12" s="54"/>
      <c r="F12" s="91"/>
    </row>
    <row r="13" spans="1:6" ht="12.95" customHeight="1">
      <c r="A13" s="78" t="s">
        <v>7</v>
      </c>
      <c r="B13" s="87" t="s">
        <v>664</v>
      </c>
      <c r="C13" s="53" t="s">
        <v>7</v>
      </c>
      <c r="D13" s="92" t="s">
        <v>7</v>
      </c>
      <c r="E13" s="53"/>
      <c r="F13" s="90"/>
    </row>
    <row r="14" spans="1:6" ht="12.95" customHeight="1">
      <c r="A14" s="78" t="s">
        <v>7</v>
      </c>
      <c r="B14" s="87" t="s">
        <v>7</v>
      </c>
      <c r="C14" s="53" t="s">
        <v>660</v>
      </c>
      <c r="D14" s="93" t="s">
        <v>7</v>
      </c>
      <c r="E14" s="53"/>
      <c r="F14" s="90"/>
    </row>
    <row r="15" spans="1:6" ht="12.95" customHeight="1">
      <c r="A15" s="78" t="s">
        <v>7</v>
      </c>
      <c r="B15" s="88" t="s">
        <v>7</v>
      </c>
      <c r="C15" s="54" t="s">
        <v>7</v>
      </c>
      <c r="D15" s="94" t="s">
        <v>661</v>
      </c>
      <c r="E15" s="54"/>
      <c r="F15" s="91"/>
    </row>
    <row r="16" spans="1:6" ht="12.95" customHeight="1">
      <c r="A16" s="78" t="s">
        <v>7</v>
      </c>
      <c r="B16" s="89" t="s">
        <v>665</v>
      </c>
      <c r="C16" s="53" t="s">
        <v>7</v>
      </c>
      <c r="D16" s="93" t="s">
        <v>7</v>
      </c>
      <c r="E16" s="53"/>
      <c r="F16" s="95"/>
    </row>
    <row r="17" spans="1:6" ht="12.95" customHeight="1">
      <c r="A17" s="78" t="s">
        <v>7</v>
      </c>
      <c r="B17" s="87" t="s">
        <v>7</v>
      </c>
      <c r="C17" s="53" t="s">
        <v>7</v>
      </c>
      <c r="D17" s="93" t="s">
        <v>7</v>
      </c>
      <c r="E17" s="53"/>
      <c r="F17" s="95"/>
    </row>
    <row r="18" spans="1:6" ht="12.95" customHeight="1">
      <c r="A18" s="78" t="s">
        <v>7</v>
      </c>
      <c r="B18" s="88" t="s">
        <v>7</v>
      </c>
      <c r="C18" s="54" t="s">
        <v>7</v>
      </c>
      <c r="D18" s="94" t="s">
        <v>7</v>
      </c>
      <c r="E18" s="54"/>
      <c r="F18" s="96"/>
    </row>
    <row r="19" spans="1:6" ht="12.95" customHeight="1">
      <c r="A19" s="78"/>
      <c r="B19" s="10"/>
      <c r="C19" s="55"/>
      <c r="D19" s="11"/>
      <c r="E19" s="55"/>
      <c r="F19" s="22"/>
    </row>
    <row r="20" spans="1:6" ht="12.95" customHeight="1">
      <c r="A20" s="78"/>
      <c r="B20" s="3"/>
      <c r="C20" s="53"/>
      <c r="D20" s="9"/>
      <c r="E20" s="53"/>
      <c r="F20" s="20"/>
    </row>
    <row r="21" spans="1:6" ht="12.95" customHeight="1">
      <c r="A21" s="78"/>
      <c r="B21" s="6"/>
      <c r="C21" s="54"/>
      <c r="D21" s="7"/>
      <c r="E21" s="54"/>
      <c r="F21" s="21"/>
    </row>
    <row r="22" spans="1:6" ht="12.95" customHeight="1">
      <c r="A22" s="78"/>
      <c r="B22" s="10"/>
      <c r="C22" s="55"/>
      <c r="D22" s="11"/>
      <c r="E22" s="55"/>
      <c r="F22" s="22"/>
    </row>
    <row r="23" spans="1:6" ht="12.95" customHeight="1">
      <c r="A23" s="78"/>
      <c r="B23" s="3"/>
      <c r="C23" s="53"/>
      <c r="D23" s="9"/>
      <c r="E23" s="53"/>
      <c r="F23" s="20"/>
    </row>
    <row r="24" spans="1:6" ht="12.95" customHeight="1">
      <c r="A24" s="78"/>
      <c r="B24" s="6"/>
      <c r="C24" s="54"/>
      <c r="D24" s="7"/>
      <c r="E24" s="54"/>
      <c r="F24" s="21"/>
    </row>
    <row r="25" spans="1:6" ht="12.95" customHeight="1">
      <c r="A25" s="78"/>
      <c r="B25" s="10"/>
      <c r="C25" s="55"/>
      <c r="D25" s="11"/>
      <c r="E25" s="55"/>
      <c r="F25" s="22"/>
    </row>
    <row r="26" spans="1:6" ht="12.95" customHeight="1">
      <c r="A26" s="78"/>
      <c r="B26" s="3"/>
      <c r="C26" s="53"/>
      <c r="D26" s="9"/>
      <c r="E26" s="53"/>
      <c r="F26" s="20"/>
    </row>
    <row r="27" spans="1:6" ht="12.95" customHeight="1">
      <c r="A27" s="78"/>
      <c r="B27" s="6"/>
      <c r="C27" s="54"/>
      <c r="D27" s="7"/>
      <c r="E27" s="54"/>
      <c r="F27" s="21"/>
    </row>
    <row r="28" spans="1:6" ht="12.95" customHeight="1">
      <c r="A28" s="78"/>
      <c r="B28" s="10"/>
      <c r="C28" s="55"/>
      <c r="D28" s="11"/>
      <c r="E28" s="55"/>
      <c r="F28" s="22"/>
    </row>
    <row r="29" spans="1:6" ht="12.95" customHeight="1">
      <c r="A29" s="78"/>
      <c r="B29" s="3"/>
      <c r="C29" s="53"/>
      <c r="D29" s="9"/>
      <c r="E29" s="53"/>
      <c r="F29" s="20"/>
    </row>
    <row r="30" spans="1:6" ht="12.95" customHeight="1">
      <c r="A30" s="78"/>
      <c r="B30" s="6"/>
      <c r="C30" s="54"/>
      <c r="D30" s="7"/>
      <c r="E30" s="54"/>
      <c r="F30" s="21"/>
    </row>
    <row r="31" spans="1:6" ht="12.95" customHeight="1">
      <c r="A31" s="78"/>
      <c r="B31" s="10"/>
      <c r="C31" s="55"/>
      <c r="D31" s="11"/>
      <c r="E31" s="55"/>
      <c r="F31" s="22"/>
    </row>
    <row r="32" spans="1:6" ht="12.95" customHeight="1">
      <c r="A32" s="78"/>
      <c r="B32" s="3"/>
      <c r="C32" s="53"/>
      <c r="D32" s="9"/>
      <c r="E32" s="53"/>
      <c r="F32" s="20"/>
    </row>
    <row r="33" spans="1:6" ht="12.95" customHeight="1">
      <c r="A33" s="78"/>
      <c r="B33" s="6"/>
      <c r="C33" s="54"/>
      <c r="D33" s="7"/>
      <c r="E33" s="54"/>
      <c r="F33" s="21"/>
    </row>
    <row r="34" spans="1:6" ht="12.95" customHeight="1">
      <c r="A34" s="78"/>
      <c r="B34" s="10"/>
      <c r="C34" s="55"/>
      <c r="D34" s="11"/>
      <c r="E34" s="55"/>
      <c r="F34" s="22"/>
    </row>
    <row r="35" spans="1:6" ht="12.95" customHeight="1">
      <c r="A35" s="78"/>
      <c r="B35" s="3"/>
      <c r="C35" s="53"/>
      <c r="D35" s="9"/>
      <c r="E35" s="53"/>
      <c r="F35" s="20"/>
    </row>
    <row r="36" spans="1:6" ht="12.95" customHeight="1">
      <c r="A36" s="78"/>
      <c r="B36" s="6"/>
      <c r="C36" s="54"/>
      <c r="D36" s="7"/>
      <c r="E36" s="54"/>
      <c r="F36" s="21"/>
    </row>
    <row r="37" spans="1:6" ht="12.95" customHeight="1">
      <c r="A37" s="78"/>
      <c r="B37" s="10"/>
      <c r="C37" s="55"/>
      <c r="D37" s="11"/>
      <c r="E37" s="55"/>
      <c r="F37" s="22"/>
    </row>
    <row r="38" spans="1:6" ht="12.95" customHeight="1">
      <c r="A38" s="78"/>
      <c r="B38" s="3"/>
      <c r="C38" s="53"/>
      <c r="D38" s="9"/>
      <c r="E38" s="53"/>
      <c r="F38" s="20"/>
    </row>
    <row r="39" spans="1:6" ht="12.95" customHeight="1">
      <c r="A39" s="78"/>
      <c r="B39" s="6"/>
      <c r="C39" s="54"/>
      <c r="D39" s="7"/>
      <c r="E39" s="54"/>
      <c r="F39" s="21"/>
    </row>
    <row r="40" spans="1:6" ht="12.95" customHeight="1">
      <c r="A40" s="78"/>
      <c r="B40" s="10"/>
      <c r="C40" s="55"/>
      <c r="D40" s="13"/>
      <c r="E40" s="55"/>
      <c r="F40" s="22"/>
    </row>
    <row r="41" spans="1:6" ht="12.95" customHeight="1">
      <c r="A41" s="78"/>
      <c r="B41" s="3"/>
      <c r="C41" s="53"/>
      <c r="D41" s="9"/>
      <c r="E41" s="53"/>
      <c r="F41" s="20"/>
    </row>
    <row r="42" spans="1:6" ht="12.95" customHeight="1">
      <c r="A42" s="78"/>
      <c r="B42" s="6"/>
      <c r="C42" s="54"/>
      <c r="D42" s="7"/>
      <c r="E42" s="54"/>
      <c r="F42" s="21"/>
    </row>
    <row r="43" spans="1:6" ht="12.95" customHeight="1">
      <c r="A43" s="78"/>
      <c r="B43" s="10"/>
      <c r="C43" s="55"/>
      <c r="D43" s="11"/>
      <c r="E43" s="55"/>
      <c r="F43" s="22"/>
    </row>
    <row r="44" spans="1:6" ht="12.95" customHeight="1">
      <c r="A44" s="78"/>
      <c r="B44" s="3"/>
      <c r="C44" s="53"/>
      <c r="D44" s="9"/>
      <c r="E44" s="53"/>
      <c r="F44" s="20"/>
    </row>
    <row r="45" spans="1:6" ht="12.95" customHeight="1">
      <c r="A45" s="78"/>
      <c r="B45" s="6"/>
      <c r="C45" s="54"/>
      <c r="D45" s="7"/>
      <c r="E45" s="54"/>
      <c r="F45" s="21"/>
    </row>
    <row r="46" spans="1:6" ht="12.95" customHeight="1">
      <c r="A46" s="78"/>
      <c r="B46" s="10"/>
      <c r="C46" s="55"/>
      <c r="D46" s="11"/>
      <c r="E46" s="55"/>
      <c r="F46" s="22"/>
    </row>
    <row r="47" spans="1:6" ht="12.95" customHeight="1">
      <c r="A47" s="78"/>
      <c r="B47" s="3"/>
      <c r="C47" s="53"/>
      <c r="D47" s="9"/>
      <c r="E47" s="53"/>
      <c r="F47" s="20"/>
    </row>
    <row r="48" spans="1:6" ht="12.95" customHeight="1">
      <c r="A48" s="78"/>
      <c r="B48" s="6"/>
      <c r="C48" s="54"/>
      <c r="D48" s="7"/>
      <c r="E48" s="54"/>
      <c r="F48" s="21"/>
    </row>
    <row r="49" spans="1:6" ht="12.95" customHeight="1">
      <c r="A49" s="78"/>
      <c r="B49" s="10"/>
      <c r="C49" s="55"/>
      <c r="D49" s="11"/>
      <c r="E49" s="55"/>
      <c r="F49" s="22"/>
    </row>
    <row r="50" spans="1:6" ht="12.95" customHeight="1">
      <c r="A50" s="78"/>
      <c r="B50" s="3"/>
      <c r="C50" s="53"/>
      <c r="D50" s="4"/>
      <c r="E50" s="53"/>
      <c r="F50" s="20"/>
    </row>
    <row r="51" spans="1:6" ht="12.95" customHeight="1">
      <c r="A51" s="78"/>
      <c r="B51" s="6"/>
      <c r="C51" s="54"/>
      <c r="D51" s="7"/>
      <c r="E51" s="54"/>
      <c r="F51" s="21"/>
    </row>
    <row r="52" spans="1:6" ht="12.95" customHeight="1">
      <c r="A52" s="78"/>
      <c r="B52" s="10"/>
      <c r="C52" s="55"/>
      <c r="D52" s="11"/>
      <c r="E52" s="55"/>
      <c r="F52" s="22"/>
    </row>
    <row r="53" spans="1:6" ht="12.95" customHeight="1">
      <c r="A53" s="78"/>
      <c r="B53" s="3"/>
      <c r="C53" s="53"/>
      <c r="D53" s="9"/>
      <c r="E53" s="53"/>
      <c r="F53" s="20"/>
    </row>
    <row r="54" spans="1:6" ht="12.95" customHeight="1">
      <c r="A54" s="78"/>
      <c r="B54" s="6"/>
      <c r="C54" s="54"/>
      <c r="D54" s="7"/>
      <c r="E54" s="54"/>
      <c r="F54" s="21"/>
    </row>
    <row r="55" spans="1:6" ht="12.95" customHeight="1">
      <c r="A55" s="78"/>
      <c r="B55" s="10"/>
      <c r="C55" s="55"/>
      <c r="D55" s="11"/>
      <c r="E55" s="55"/>
      <c r="F55" s="22"/>
    </row>
    <row r="56" spans="1:6" ht="12.95" customHeight="1">
      <c r="A56" s="78"/>
      <c r="B56" s="3"/>
      <c r="C56" s="53"/>
      <c r="D56" s="9"/>
      <c r="E56" s="53"/>
      <c r="F56" s="20"/>
    </row>
    <row r="57" spans="1:6" ht="12.95" customHeight="1">
      <c r="A57" s="78"/>
      <c r="B57" s="6"/>
      <c r="C57" s="54"/>
      <c r="D57" s="7"/>
      <c r="E57" s="54"/>
      <c r="F57" s="21"/>
    </row>
    <row r="58" spans="1:6" ht="12.95" customHeight="1">
      <c r="A58" s="78"/>
      <c r="B58" s="10"/>
      <c r="C58" s="55"/>
      <c r="D58" s="11"/>
      <c r="E58" s="55"/>
      <c r="F58" s="22"/>
    </row>
    <row r="59" spans="1:6" ht="12.95" customHeight="1">
      <c r="A59" s="78"/>
      <c r="B59" s="3"/>
      <c r="C59" s="53"/>
      <c r="D59" s="9"/>
      <c r="E59" s="53"/>
      <c r="F59" s="20"/>
    </row>
    <row r="60" spans="1:6" ht="12.95" customHeight="1">
      <c r="A60" s="78"/>
      <c r="B60" s="6"/>
      <c r="C60" s="54"/>
      <c r="D60" s="14"/>
      <c r="E60" s="54"/>
      <c r="F60" s="21"/>
    </row>
    <row r="61" spans="1:6" ht="12.95" customHeight="1">
      <c r="A61" s="78"/>
      <c r="B61" s="10"/>
      <c r="C61" s="55"/>
      <c r="D61" s="11"/>
      <c r="E61" s="55"/>
      <c r="F61" s="22"/>
    </row>
    <row r="62" spans="1:6" ht="12.95" customHeight="1">
      <c r="A62" s="78"/>
      <c r="B62" s="3"/>
      <c r="C62" s="56"/>
      <c r="D62" s="15"/>
      <c r="E62" s="56"/>
      <c r="F62" s="20"/>
    </row>
    <row r="63" spans="1:6" ht="12.95" customHeight="1">
      <c r="A63" s="78"/>
      <c r="B63" s="16"/>
      <c r="C63" s="57"/>
      <c r="D63" s="17"/>
      <c r="E63" s="57"/>
      <c r="F63" s="23"/>
    </row>
    <row r="64" spans="1:6" ht="0.95" customHeight="1">
      <c r="B64" s="19"/>
      <c r="C64" s="19"/>
      <c r="D64" s="19"/>
      <c r="E64" s="19"/>
      <c r="F64" s="19"/>
    </row>
    <row r="65" spans="1:6" s="1" customFormat="1" ht="18" customHeight="1">
      <c r="B65" s="79" t="s">
        <v>666</v>
      </c>
      <c r="C65" s="79"/>
      <c r="D65" s="79"/>
      <c r="E65" s="79"/>
      <c r="F65" s="80"/>
    </row>
    <row r="66" spans="1:6" ht="21" customHeight="1">
      <c r="A66" s="78"/>
      <c r="B66" s="206" t="s">
        <v>667</v>
      </c>
      <c r="C66" s="206"/>
      <c r="D66" s="206"/>
      <c r="E66" s="206"/>
      <c r="F66" s="206"/>
    </row>
    <row r="67" spans="1:6" ht="21" customHeight="1">
      <c r="A67" s="78"/>
      <c r="B67" s="84" t="s">
        <v>654</v>
      </c>
      <c r="C67" s="85" t="s">
        <v>655</v>
      </c>
      <c r="D67" s="85" t="s">
        <v>656</v>
      </c>
      <c r="E67" s="85" t="s">
        <v>657</v>
      </c>
      <c r="F67" s="86" t="s">
        <v>658</v>
      </c>
    </row>
    <row r="68" spans="1:6" ht="12.95" customHeight="1">
      <c r="A68" s="78" t="s">
        <v>7</v>
      </c>
      <c r="B68" s="87" t="s">
        <v>668</v>
      </c>
      <c r="C68" s="53" t="s">
        <v>7</v>
      </c>
      <c r="D68" s="92" t="s">
        <v>7</v>
      </c>
      <c r="E68" s="53"/>
      <c r="F68" s="90"/>
    </row>
    <row r="69" spans="1:6" ht="12.95" customHeight="1">
      <c r="A69" s="78" t="s">
        <v>7</v>
      </c>
      <c r="B69" s="87" t="s">
        <v>7</v>
      </c>
      <c r="C69" s="53" t="s">
        <v>660</v>
      </c>
      <c r="D69" s="93" t="s">
        <v>7</v>
      </c>
      <c r="E69" s="53"/>
      <c r="F69" s="90"/>
    </row>
    <row r="70" spans="1:6" ht="12.95" customHeight="1">
      <c r="A70" s="78" t="s">
        <v>7</v>
      </c>
      <c r="B70" s="88" t="s">
        <v>7</v>
      </c>
      <c r="C70" s="54" t="s">
        <v>7</v>
      </c>
      <c r="D70" s="94" t="s">
        <v>661</v>
      </c>
      <c r="E70" s="54"/>
      <c r="F70" s="91"/>
    </row>
    <row r="71" spans="1:6" ht="12.95" customHeight="1">
      <c r="A71" s="78" t="s">
        <v>7</v>
      </c>
      <c r="B71" s="89" t="s">
        <v>665</v>
      </c>
      <c r="C71" s="53" t="s">
        <v>7</v>
      </c>
      <c r="D71" s="93" t="s">
        <v>7</v>
      </c>
      <c r="E71" s="53"/>
      <c r="F71" s="95"/>
    </row>
    <row r="72" spans="1:6" ht="12.95" customHeight="1">
      <c r="A72" s="78" t="s">
        <v>7</v>
      </c>
      <c r="B72" s="87" t="s">
        <v>7</v>
      </c>
      <c r="C72" s="53" t="s">
        <v>7</v>
      </c>
      <c r="D72" s="93" t="s">
        <v>7</v>
      </c>
      <c r="E72" s="53"/>
      <c r="F72" s="95"/>
    </row>
    <row r="73" spans="1:6" ht="12.95" customHeight="1">
      <c r="A73" s="78" t="s">
        <v>7</v>
      </c>
      <c r="B73" s="88" t="s">
        <v>7</v>
      </c>
      <c r="C73" s="54" t="s">
        <v>7</v>
      </c>
      <c r="D73" s="94" t="s">
        <v>7</v>
      </c>
      <c r="E73" s="54"/>
      <c r="F73" s="96"/>
    </row>
    <row r="74" spans="1:6" ht="12.95" customHeight="1">
      <c r="A74" s="78"/>
      <c r="B74" s="10"/>
      <c r="C74" s="55"/>
      <c r="D74" s="11"/>
      <c r="E74" s="55"/>
      <c r="F74" s="22"/>
    </row>
    <row r="75" spans="1:6" ht="12.95" customHeight="1">
      <c r="A75" s="78"/>
      <c r="B75" s="3"/>
      <c r="C75" s="53"/>
      <c r="D75" s="9"/>
      <c r="E75" s="53"/>
      <c r="F75" s="20"/>
    </row>
    <row r="76" spans="1:6" ht="12.95" customHeight="1">
      <c r="A76" s="78"/>
      <c r="B76" s="6"/>
      <c r="C76" s="54"/>
      <c r="D76" s="7"/>
      <c r="E76" s="54"/>
      <c r="F76" s="21"/>
    </row>
    <row r="77" spans="1:6" ht="12.95" customHeight="1">
      <c r="A77" s="78"/>
      <c r="B77" s="10"/>
      <c r="C77" s="55"/>
      <c r="D77" s="11"/>
      <c r="E77" s="55"/>
      <c r="F77" s="22"/>
    </row>
    <row r="78" spans="1:6" ht="12.95" customHeight="1">
      <c r="A78" s="78"/>
      <c r="B78" s="3"/>
      <c r="C78" s="53"/>
      <c r="D78" s="9"/>
      <c r="E78" s="53"/>
      <c r="F78" s="20"/>
    </row>
    <row r="79" spans="1:6" ht="12.95" customHeight="1">
      <c r="A79" s="78"/>
      <c r="B79" s="6"/>
      <c r="C79" s="54"/>
      <c r="D79" s="7"/>
      <c r="E79" s="54"/>
      <c r="F79" s="21"/>
    </row>
    <row r="80" spans="1:6" ht="12.95" customHeight="1">
      <c r="A80" s="78"/>
      <c r="B80" s="10"/>
      <c r="C80" s="55"/>
      <c r="D80" s="11"/>
      <c r="E80" s="55"/>
      <c r="F80" s="22"/>
    </row>
    <row r="81" spans="1:6" ht="12.95" customHeight="1">
      <c r="A81" s="78"/>
      <c r="B81" s="3"/>
      <c r="C81" s="53"/>
      <c r="D81" s="9"/>
      <c r="E81" s="53"/>
      <c r="F81" s="20"/>
    </row>
    <row r="82" spans="1:6" ht="12.95" customHeight="1">
      <c r="A82" s="78"/>
      <c r="B82" s="6"/>
      <c r="C82" s="54"/>
      <c r="D82" s="7"/>
      <c r="E82" s="54"/>
      <c r="F82" s="21"/>
    </row>
    <row r="83" spans="1:6" ht="12.95" customHeight="1">
      <c r="A83" s="78"/>
      <c r="B83" s="10"/>
      <c r="C83" s="55"/>
      <c r="D83" s="11"/>
      <c r="E83" s="55"/>
      <c r="F83" s="22"/>
    </row>
    <row r="84" spans="1:6" ht="12.95" customHeight="1">
      <c r="A84" s="78"/>
      <c r="B84" s="3"/>
      <c r="C84" s="53"/>
      <c r="D84" s="9"/>
      <c r="E84" s="53"/>
      <c r="F84" s="20"/>
    </row>
    <row r="85" spans="1:6" ht="12.95" customHeight="1">
      <c r="A85" s="78"/>
      <c r="B85" s="6"/>
      <c r="C85" s="54"/>
      <c r="D85" s="7"/>
      <c r="E85" s="54"/>
      <c r="F85" s="21"/>
    </row>
    <row r="86" spans="1:6" ht="12.95" customHeight="1">
      <c r="A86" s="78"/>
      <c r="B86" s="10"/>
      <c r="C86" s="55"/>
      <c r="D86" s="11"/>
      <c r="E86" s="55"/>
      <c r="F86" s="22"/>
    </row>
    <row r="87" spans="1:6" ht="12.95" customHeight="1">
      <c r="A87" s="78"/>
      <c r="B87" s="3"/>
      <c r="C87" s="53"/>
      <c r="D87" s="9"/>
      <c r="E87" s="53"/>
      <c r="F87" s="20"/>
    </row>
    <row r="88" spans="1:6" ht="12.95" customHeight="1">
      <c r="A88" s="78"/>
      <c r="B88" s="6"/>
      <c r="C88" s="54"/>
      <c r="D88" s="7"/>
      <c r="E88" s="54"/>
      <c r="F88" s="21"/>
    </row>
    <row r="89" spans="1:6" ht="12.95" customHeight="1">
      <c r="A89" s="78"/>
      <c r="B89" s="10"/>
      <c r="C89" s="55"/>
      <c r="D89" s="11"/>
      <c r="E89" s="55"/>
      <c r="F89" s="22"/>
    </row>
    <row r="90" spans="1:6" ht="12.95" customHeight="1">
      <c r="A90" s="78"/>
      <c r="B90" s="3"/>
      <c r="C90" s="53"/>
      <c r="D90" s="9"/>
      <c r="E90" s="53"/>
      <c r="F90" s="20"/>
    </row>
    <row r="91" spans="1:6" ht="12.95" customHeight="1">
      <c r="A91" s="78"/>
      <c r="B91" s="6"/>
      <c r="C91" s="54"/>
      <c r="D91" s="7"/>
      <c r="E91" s="54"/>
      <c r="F91" s="21"/>
    </row>
    <row r="92" spans="1:6" ht="12.95" customHeight="1">
      <c r="A92" s="78"/>
      <c r="B92" s="10"/>
      <c r="C92" s="55"/>
      <c r="D92" s="11"/>
      <c r="E92" s="55"/>
      <c r="F92" s="22"/>
    </row>
    <row r="93" spans="1:6" ht="12.95" customHeight="1">
      <c r="A93" s="78"/>
      <c r="B93" s="3"/>
      <c r="C93" s="53"/>
      <c r="D93" s="9"/>
      <c r="E93" s="53"/>
      <c r="F93" s="20"/>
    </row>
    <row r="94" spans="1:6" ht="12.95" customHeight="1">
      <c r="A94" s="78"/>
      <c r="B94" s="6"/>
      <c r="C94" s="54"/>
      <c r="D94" s="7"/>
      <c r="E94" s="54"/>
      <c r="F94" s="21"/>
    </row>
    <row r="95" spans="1:6" ht="12.95" customHeight="1">
      <c r="A95" s="78"/>
      <c r="B95" s="10"/>
      <c r="C95" s="55"/>
      <c r="D95" s="11"/>
      <c r="E95" s="55"/>
      <c r="F95" s="22"/>
    </row>
    <row r="96" spans="1:6" ht="12.95" customHeight="1">
      <c r="A96" s="78"/>
      <c r="B96" s="3"/>
      <c r="C96" s="53"/>
      <c r="D96" s="9"/>
      <c r="E96" s="53"/>
      <c r="F96" s="20"/>
    </row>
    <row r="97" spans="1:6" ht="12.95" customHeight="1">
      <c r="A97" s="78"/>
      <c r="B97" s="6"/>
      <c r="C97" s="54"/>
      <c r="D97" s="7"/>
      <c r="E97" s="54"/>
      <c r="F97" s="21"/>
    </row>
    <row r="98" spans="1:6" ht="12.95" customHeight="1">
      <c r="A98" s="78"/>
      <c r="B98" s="10"/>
      <c r="C98" s="55"/>
      <c r="D98" s="11"/>
      <c r="E98" s="55"/>
      <c r="F98" s="22"/>
    </row>
    <row r="99" spans="1:6" ht="12.95" customHeight="1">
      <c r="A99" s="78"/>
      <c r="B99" s="3"/>
      <c r="C99" s="53"/>
      <c r="D99" s="9"/>
      <c r="E99" s="53"/>
      <c r="F99" s="20"/>
    </row>
    <row r="100" spans="1:6" ht="12.95" customHeight="1">
      <c r="A100" s="78"/>
      <c r="B100" s="6"/>
      <c r="C100" s="54"/>
      <c r="D100" s="7"/>
      <c r="E100" s="54"/>
      <c r="F100" s="21"/>
    </row>
    <row r="101" spans="1:6" ht="12.95" customHeight="1">
      <c r="A101" s="78"/>
      <c r="B101" s="10"/>
      <c r="C101" s="55"/>
      <c r="D101" s="11"/>
      <c r="E101" s="55"/>
      <c r="F101" s="22"/>
    </row>
    <row r="102" spans="1:6" ht="12.95" customHeight="1">
      <c r="A102" s="78"/>
      <c r="B102" s="3"/>
      <c r="C102" s="53"/>
      <c r="D102" s="9"/>
      <c r="E102" s="53"/>
      <c r="F102" s="20"/>
    </row>
    <row r="103" spans="1:6" ht="12.95" customHeight="1">
      <c r="A103" s="78"/>
      <c r="B103" s="6"/>
      <c r="C103" s="54"/>
      <c r="D103" s="7"/>
      <c r="E103" s="54"/>
      <c r="F103" s="21"/>
    </row>
    <row r="104" spans="1:6" ht="12.95" customHeight="1">
      <c r="A104" s="78"/>
      <c r="B104" s="10"/>
      <c r="C104" s="55"/>
      <c r="D104" s="13"/>
      <c r="E104" s="55"/>
      <c r="F104" s="22"/>
    </row>
    <row r="105" spans="1:6" ht="12.95" customHeight="1">
      <c r="A105" s="78"/>
      <c r="B105" s="3"/>
      <c r="C105" s="53"/>
      <c r="D105" s="9"/>
      <c r="E105" s="53"/>
      <c r="F105" s="20"/>
    </row>
    <row r="106" spans="1:6" ht="12.95" customHeight="1">
      <c r="A106" s="78"/>
      <c r="B106" s="6"/>
      <c r="C106" s="54"/>
      <c r="D106" s="7"/>
      <c r="E106" s="54"/>
      <c r="F106" s="21"/>
    </row>
    <row r="107" spans="1:6" ht="12.95" customHeight="1">
      <c r="A107" s="78"/>
      <c r="B107" s="10"/>
      <c r="C107" s="55"/>
      <c r="D107" s="11"/>
      <c r="E107" s="55"/>
      <c r="F107" s="22"/>
    </row>
    <row r="108" spans="1:6" ht="12.95" customHeight="1">
      <c r="A108" s="78"/>
      <c r="B108" s="3"/>
      <c r="C108" s="53"/>
      <c r="D108" s="9"/>
      <c r="E108" s="53"/>
      <c r="F108" s="20"/>
    </row>
    <row r="109" spans="1:6" ht="12.95" customHeight="1">
      <c r="A109" s="78"/>
      <c r="B109" s="6"/>
      <c r="C109" s="54"/>
      <c r="D109" s="7"/>
      <c r="E109" s="54"/>
      <c r="F109" s="21"/>
    </row>
    <row r="110" spans="1:6" ht="12.95" customHeight="1">
      <c r="A110" s="78"/>
      <c r="B110" s="10"/>
      <c r="C110" s="55"/>
      <c r="D110" s="11"/>
      <c r="E110" s="55"/>
      <c r="F110" s="22"/>
    </row>
    <row r="111" spans="1:6" ht="12.95" customHeight="1">
      <c r="A111" s="78"/>
      <c r="B111" s="3"/>
      <c r="C111" s="53"/>
      <c r="D111" s="9"/>
      <c r="E111" s="53"/>
      <c r="F111" s="20"/>
    </row>
    <row r="112" spans="1:6" ht="12.95" customHeight="1">
      <c r="A112" s="78"/>
      <c r="B112" s="6"/>
      <c r="C112" s="54"/>
      <c r="D112" s="7"/>
      <c r="E112" s="54"/>
      <c r="F112" s="21"/>
    </row>
    <row r="113" spans="1:6" ht="12.95" customHeight="1">
      <c r="A113" s="78"/>
      <c r="B113" s="10"/>
      <c r="C113" s="55"/>
      <c r="D113" s="11"/>
      <c r="E113" s="55"/>
      <c r="F113" s="22"/>
    </row>
    <row r="114" spans="1:6" ht="12.95" customHeight="1">
      <c r="A114" s="78"/>
      <c r="B114" s="3"/>
      <c r="C114" s="53"/>
      <c r="D114" s="4"/>
      <c r="E114" s="53"/>
      <c r="F114" s="20"/>
    </row>
    <row r="115" spans="1:6" ht="12.95" customHeight="1">
      <c r="A115" s="78"/>
      <c r="B115" s="6"/>
      <c r="C115" s="54"/>
      <c r="D115" s="7"/>
      <c r="E115" s="54"/>
      <c r="F115" s="21"/>
    </row>
    <row r="116" spans="1:6" ht="12.95" customHeight="1">
      <c r="A116" s="78"/>
      <c r="B116" s="10"/>
      <c r="C116" s="55"/>
      <c r="D116" s="11"/>
      <c r="E116" s="55"/>
      <c r="F116" s="22"/>
    </row>
    <row r="117" spans="1:6" ht="12.95" customHeight="1">
      <c r="A117" s="78"/>
      <c r="B117" s="3"/>
      <c r="C117" s="53"/>
      <c r="D117" s="9"/>
      <c r="E117" s="53"/>
      <c r="F117" s="20"/>
    </row>
    <row r="118" spans="1:6" ht="12.95" customHeight="1">
      <c r="A118" s="78"/>
      <c r="B118" s="6"/>
      <c r="C118" s="54"/>
      <c r="D118" s="7"/>
      <c r="E118" s="54"/>
      <c r="F118" s="21"/>
    </row>
    <row r="119" spans="1:6" ht="12.95" customHeight="1">
      <c r="A119" s="78"/>
      <c r="B119" s="10"/>
      <c r="C119" s="55"/>
      <c r="D119" s="11"/>
      <c r="E119" s="55"/>
      <c r="F119" s="22"/>
    </row>
    <row r="120" spans="1:6" ht="12.95" customHeight="1">
      <c r="A120" s="78"/>
      <c r="B120" s="3"/>
      <c r="C120" s="53"/>
      <c r="D120" s="9"/>
      <c r="E120" s="53"/>
      <c r="F120" s="20"/>
    </row>
    <row r="121" spans="1:6" ht="12.95" customHeight="1">
      <c r="A121" s="78"/>
      <c r="B121" s="6"/>
      <c r="C121" s="54"/>
      <c r="D121" s="7"/>
      <c r="E121" s="54"/>
      <c r="F121" s="21"/>
    </row>
    <row r="122" spans="1:6" ht="12.95" customHeight="1">
      <c r="A122" s="78"/>
      <c r="B122" s="10"/>
      <c r="C122" s="55"/>
      <c r="D122" s="11"/>
      <c r="E122" s="55"/>
      <c r="F122" s="22"/>
    </row>
    <row r="123" spans="1:6" ht="12.95" customHeight="1">
      <c r="A123" s="78"/>
      <c r="B123" s="3"/>
      <c r="C123" s="53"/>
      <c r="D123" s="9"/>
      <c r="E123" s="53"/>
      <c r="F123" s="20"/>
    </row>
    <row r="124" spans="1:6" ht="12.95" customHeight="1">
      <c r="A124" s="78"/>
      <c r="B124" s="6"/>
      <c r="C124" s="54"/>
      <c r="D124" s="14"/>
      <c r="E124" s="54"/>
      <c r="F124" s="21"/>
    </row>
    <row r="125" spans="1:6" ht="12.95" customHeight="1">
      <c r="A125" s="78"/>
      <c r="B125" s="10"/>
      <c r="C125" s="55"/>
      <c r="D125" s="11"/>
      <c r="E125" s="55"/>
      <c r="F125" s="22"/>
    </row>
    <row r="126" spans="1:6" ht="12.95" customHeight="1">
      <c r="A126" s="78"/>
      <c r="B126" s="3"/>
      <c r="C126" s="56"/>
      <c r="D126" s="15"/>
      <c r="E126" s="56"/>
      <c r="F126" s="20"/>
    </row>
    <row r="127" spans="1:6" ht="12.95" customHeight="1">
      <c r="A127" s="78"/>
      <c r="B127" s="16"/>
      <c r="C127" s="57"/>
      <c r="D127" s="17"/>
      <c r="E127" s="57"/>
      <c r="F127" s="23"/>
    </row>
    <row r="128" spans="1:6" ht="0.95" customHeight="1">
      <c r="B128" s="19"/>
      <c r="C128" s="19"/>
      <c r="D128" s="19"/>
      <c r="E128" s="19"/>
      <c r="F128" s="19"/>
    </row>
  </sheetData>
  <mergeCells count="2">
    <mergeCell ref="B2:F2"/>
    <mergeCell ref="B66:F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2" manualBreakCount="2">
    <brk id="64" max="16383" man="1"/>
    <brk id="128" max="1638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G128"/>
  <sheetViews>
    <sheetView tabSelected="1" view="pageBreakPreview" zoomScaleNormal="115" zoomScaleSheetLayoutView="100" workbookViewId="0">
      <selection activeCell="K19" sqref="K19"/>
    </sheetView>
  </sheetViews>
  <sheetFormatPr defaultRowHeight="11.25"/>
  <cols>
    <col min="1" max="1" width="0.1640625" style="2" customWidth="1"/>
    <col min="2" max="3" width="26.83203125" style="2" customWidth="1"/>
    <col min="4" max="4" width="11.83203125" style="2" customWidth="1"/>
    <col min="5" max="5" width="5" style="2" customWidth="1"/>
    <col min="6" max="6" width="20.83203125" style="2" customWidth="1"/>
    <col min="7" max="7" width="19.6640625" style="2" customWidth="1"/>
    <col min="8" max="16384" width="9.33203125" style="2"/>
  </cols>
  <sheetData>
    <row r="1" spans="1:7" s="1" customFormat="1" ht="18" customHeight="1">
      <c r="B1" s="79" t="s">
        <v>669</v>
      </c>
      <c r="C1" s="79"/>
      <c r="D1" s="79"/>
      <c r="E1" s="79"/>
      <c r="F1" s="79"/>
      <c r="G1" s="80"/>
    </row>
    <row r="2" spans="1:7" ht="21" customHeight="1">
      <c r="A2" s="78"/>
      <c r="B2" s="207" t="s">
        <v>670</v>
      </c>
      <c r="C2" s="208"/>
      <c r="D2" s="208"/>
      <c r="E2" s="208"/>
      <c r="F2" s="208"/>
      <c r="G2" s="209"/>
    </row>
    <row r="3" spans="1:7" ht="21" customHeight="1">
      <c r="A3" s="78"/>
      <c r="B3" s="84" t="s">
        <v>671</v>
      </c>
      <c r="C3" s="85" t="s">
        <v>672</v>
      </c>
      <c r="D3" s="85" t="s">
        <v>673</v>
      </c>
      <c r="E3" s="85" t="s">
        <v>674</v>
      </c>
      <c r="F3" s="85" t="s">
        <v>675</v>
      </c>
      <c r="G3" s="86" t="s">
        <v>676</v>
      </c>
    </row>
    <row r="4" spans="1:7" ht="12.95" customHeight="1">
      <c r="A4" s="78" t="s">
        <v>7</v>
      </c>
      <c r="B4" s="97" t="s">
        <v>677</v>
      </c>
      <c r="C4" s="98" t="s">
        <v>678</v>
      </c>
      <c r="D4" s="53" t="s">
        <v>7</v>
      </c>
      <c r="E4" s="102" t="s">
        <v>7</v>
      </c>
      <c r="F4" s="68"/>
      <c r="G4" s="90"/>
    </row>
    <row r="5" spans="1:7" ht="12.95" customHeight="1">
      <c r="A5" s="78" t="s">
        <v>7</v>
      </c>
      <c r="B5" s="97" t="s">
        <v>7</v>
      </c>
      <c r="C5" s="98" t="s">
        <v>7</v>
      </c>
      <c r="D5" s="53" t="s">
        <v>679</v>
      </c>
      <c r="E5" s="102" t="s">
        <v>7</v>
      </c>
      <c r="F5" s="68"/>
      <c r="G5" s="90"/>
    </row>
    <row r="6" spans="1:7" ht="12.95" customHeight="1">
      <c r="A6" s="78" t="s">
        <v>7</v>
      </c>
      <c r="B6" s="99" t="s">
        <v>7</v>
      </c>
      <c r="C6" s="100" t="s">
        <v>7</v>
      </c>
      <c r="D6" s="54" t="s">
        <v>7</v>
      </c>
      <c r="E6" s="103" t="s">
        <v>680</v>
      </c>
      <c r="F6" s="69"/>
      <c r="G6" s="91"/>
    </row>
    <row r="7" spans="1:7" ht="12.95" customHeight="1">
      <c r="A7" s="78" t="s">
        <v>7</v>
      </c>
      <c r="B7" s="101" t="s">
        <v>681</v>
      </c>
      <c r="C7" s="98" t="s">
        <v>7</v>
      </c>
      <c r="D7" s="53" t="s">
        <v>7</v>
      </c>
      <c r="E7" s="104" t="s">
        <v>7</v>
      </c>
      <c r="F7" s="68"/>
      <c r="G7" s="90"/>
    </row>
    <row r="8" spans="1:7" ht="12.95" customHeight="1">
      <c r="A8" s="78" t="s">
        <v>7</v>
      </c>
      <c r="B8" s="97" t="s">
        <v>7</v>
      </c>
      <c r="C8" s="98" t="s">
        <v>7</v>
      </c>
      <c r="D8" s="53" t="s">
        <v>7</v>
      </c>
      <c r="E8" s="104" t="s">
        <v>7</v>
      </c>
      <c r="F8" s="68"/>
      <c r="G8" s="90"/>
    </row>
    <row r="9" spans="1:7" ht="12.95" customHeight="1">
      <c r="A9" s="78" t="s">
        <v>7</v>
      </c>
      <c r="B9" s="99" t="s">
        <v>7</v>
      </c>
      <c r="C9" s="100" t="s">
        <v>7</v>
      </c>
      <c r="D9" s="54" t="s">
        <v>7</v>
      </c>
      <c r="E9" s="103" t="s">
        <v>7</v>
      </c>
      <c r="F9" s="69"/>
      <c r="G9" s="91"/>
    </row>
    <row r="10" spans="1:7" ht="12.95" customHeight="1">
      <c r="A10" s="78" t="s">
        <v>7</v>
      </c>
      <c r="B10" s="97" t="s">
        <v>682</v>
      </c>
      <c r="C10" s="98" t="s">
        <v>683</v>
      </c>
      <c r="D10" s="53" t="s">
        <v>7</v>
      </c>
      <c r="E10" s="102" t="s">
        <v>7</v>
      </c>
      <c r="F10" s="68"/>
      <c r="G10" s="90"/>
    </row>
    <row r="11" spans="1:7" ht="12.95" customHeight="1">
      <c r="A11" s="78" t="s">
        <v>7</v>
      </c>
      <c r="B11" s="97" t="s">
        <v>7</v>
      </c>
      <c r="C11" s="98" t="s">
        <v>7</v>
      </c>
      <c r="D11" s="53" t="s">
        <v>679</v>
      </c>
      <c r="E11" s="102" t="s">
        <v>7</v>
      </c>
      <c r="F11" s="68"/>
      <c r="G11" s="90"/>
    </row>
    <row r="12" spans="1:7" ht="12.95" customHeight="1">
      <c r="A12" s="78" t="s">
        <v>7</v>
      </c>
      <c r="B12" s="99" t="s">
        <v>7</v>
      </c>
      <c r="C12" s="100" t="s">
        <v>7</v>
      </c>
      <c r="D12" s="54" t="s">
        <v>7</v>
      </c>
      <c r="E12" s="103" t="s">
        <v>680</v>
      </c>
      <c r="F12" s="69"/>
      <c r="G12" s="91"/>
    </row>
    <row r="13" spans="1:7" ht="12.95" customHeight="1">
      <c r="A13" s="78" t="s">
        <v>7</v>
      </c>
      <c r="B13" s="101" t="s">
        <v>681</v>
      </c>
      <c r="C13" s="98" t="s">
        <v>7</v>
      </c>
      <c r="D13" s="53" t="s">
        <v>7</v>
      </c>
      <c r="E13" s="104" t="s">
        <v>7</v>
      </c>
      <c r="F13" s="68"/>
      <c r="G13" s="90"/>
    </row>
    <row r="14" spans="1:7" ht="12.95" customHeight="1">
      <c r="A14" s="78" t="s">
        <v>7</v>
      </c>
      <c r="B14" s="97" t="s">
        <v>7</v>
      </c>
      <c r="C14" s="98" t="s">
        <v>7</v>
      </c>
      <c r="D14" s="53" t="s">
        <v>7</v>
      </c>
      <c r="E14" s="104" t="s">
        <v>7</v>
      </c>
      <c r="F14" s="68"/>
      <c r="G14" s="90"/>
    </row>
    <row r="15" spans="1:7" ht="12.95" customHeight="1">
      <c r="A15" s="78" t="s">
        <v>7</v>
      </c>
      <c r="B15" s="99" t="s">
        <v>7</v>
      </c>
      <c r="C15" s="100" t="s">
        <v>7</v>
      </c>
      <c r="D15" s="54" t="s">
        <v>7</v>
      </c>
      <c r="E15" s="103" t="s">
        <v>7</v>
      </c>
      <c r="F15" s="69"/>
      <c r="G15" s="91"/>
    </row>
    <row r="16" spans="1:7" ht="12.95" customHeight="1">
      <c r="A16" s="78" t="s">
        <v>7</v>
      </c>
      <c r="B16" s="97" t="s">
        <v>684</v>
      </c>
      <c r="C16" s="98" t="s">
        <v>7</v>
      </c>
      <c r="D16" s="53" t="s">
        <v>7</v>
      </c>
      <c r="E16" s="102" t="s">
        <v>7</v>
      </c>
      <c r="F16" s="68"/>
      <c r="G16" s="90"/>
    </row>
    <row r="17" spans="1:7" ht="12.95" customHeight="1">
      <c r="A17" s="78" t="s">
        <v>7</v>
      </c>
      <c r="B17" s="97" t="s">
        <v>7</v>
      </c>
      <c r="C17" s="98" t="s">
        <v>7</v>
      </c>
      <c r="D17" s="53" t="s">
        <v>679</v>
      </c>
      <c r="E17" s="102" t="s">
        <v>7</v>
      </c>
      <c r="F17" s="68"/>
      <c r="G17" s="90"/>
    </row>
    <row r="18" spans="1:7" ht="12.95" customHeight="1">
      <c r="A18" s="78" t="s">
        <v>7</v>
      </c>
      <c r="B18" s="99" t="s">
        <v>7</v>
      </c>
      <c r="C18" s="100" t="s">
        <v>7</v>
      </c>
      <c r="D18" s="54" t="s">
        <v>7</v>
      </c>
      <c r="E18" s="103" t="s">
        <v>680</v>
      </c>
      <c r="F18" s="69"/>
      <c r="G18" s="91"/>
    </row>
    <row r="19" spans="1:7" ht="12.95" customHeight="1">
      <c r="A19" s="78" t="s">
        <v>7</v>
      </c>
      <c r="B19" s="101" t="s">
        <v>681</v>
      </c>
      <c r="C19" s="98" t="s">
        <v>7</v>
      </c>
      <c r="D19" s="53" t="s">
        <v>7</v>
      </c>
      <c r="E19" s="104" t="s">
        <v>7</v>
      </c>
      <c r="F19" s="68"/>
      <c r="G19" s="90"/>
    </row>
    <row r="20" spans="1:7" ht="12.95" customHeight="1">
      <c r="A20" s="78" t="s">
        <v>7</v>
      </c>
      <c r="B20" s="97" t="s">
        <v>7</v>
      </c>
      <c r="C20" s="98" t="s">
        <v>7</v>
      </c>
      <c r="D20" s="53" t="s">
        <v>7</v>
      </c>
      <c r="E20" s="104" t="s">
        <v>7</v>
      </c>
      <c r="F20" s="68"/>
      <c r="G20" s="90"/>
    </row>
    <row r="21" spans="1:7" ht="12.95" customHeight="1">
      <c r="A21" s="78" t="s">
        <v>7</v>
      </c>
      <c r="B21" s="99" t="s">
        <v>7</v>
      </c>
      <c r="C21" s="100" t="s">
        <v>7</v>
      </c>
      <c r="D21" s="54" t="s">
        <v>7</v>
      </c>
      <c r="E21" s="103" t="s">
        <v>7</v>
      </c>
      <c r="F21" s="69"/>
      <c r="G21" s="91"/>
    </row>
    <row r="22" spans="1:7" ht="12.95" customHeight="1">
      <c r="A22" s="78" t="s">
        <v>7</v>
      </c>
      <c r="B22" s="97" t="s">
        <v>685</v>
      </c>
      <c r="C22" s="98" t="s">
        <v>686</v>
      </c>
      <c r="D22" s="53" t="s">
        <v>7</v>
      </c>
      <c r="E22" s="102" t="s">
        <v>7</v>
      </c>
      <c r="F22" s="68"/>
      <c r="G22" s="90"/>
    </row>
    <row r="23" spans="1:7" ht="12.95" customHeight="1">
      <c r="A23" s="78" t="s">
        <v>7</v>
      </c>
      <c r="B23" s="97" t="s">
        <v>7</v>
      </c>
      <c r="C23" s="98" t="s">
        <v>7</v>
      </c>
      <c r="D23" s="53" t="s">
        <v>679</v>
      </c>
      <c r="E23" s="102" t="s">
        <v>7</v>
      </c>
      <c r="F23" s="68"/>
      <c r="G23" s="90"/>
    </row>
    <row r="24" spans="1:7" ht="12.95" customHeight="1">
      <c r="A24" s="78" t="s">
        <v>7</v>
      </c>
      <c r="B24" s="99" t="s">
        <v>7</v>
      </c>
      <c r="C24" s="100" t="s">
        <v>7</v>
      </c>
      <c r="D24" s="54" t="s">
        <v>7</v>
      </c>
      <c r="E24" s="103" t="s">
        <v>680</v>
      </c>
      <c r="F24" s="69"/>
      <c r="G24" s="91"/>
    </row>
    <row r="25" spans="1:7" ht="12.95" customHeight="1">
      <c r="A25" s="78" t="s">
        <v>7</v>
      </c>
      <c r="B25" s="101" t="s">
        <v>681</v>
      </c>
      <c r="C25" s="98" t="s">
        <v>7</v>
      </c>
      <c r="D25" s="53" t="s">
        <v>7</v>
      </c>
      <c r="E25" s="104" t="s">
        <v>7</v>
      </c>
      <c r="F25" s="68"/>
      <c r="G25" s="90"/>
    </row>
    <row r="26" spans="1:7" ht="12.95" customHeight="1">
      <c r="A26" s="78" t="s">
        <v>7</v>
      </c>
      <c r="B26" s="97" t="s">
        <v>7</v>
      </c>
      <c r="C26" s="98" t="s">
        <v>7</v>
      </c>
      <c r="D26" s="53" t="s">
        <v>7</v>
      </c>
      <c r="E26" s="104" t="s">
        <v>7</v>
      </c>
      <c r="F26" s="68"/>
      <c r="G26" s="90"/>
    </row>
    <row r="27" spans="1:7" ht="12.95" customHeight="1">
      <c r="A27" s="78" t="s">
        <v>7</v>
      </c>
      <c r="B27" s="99" t="s">
        <v>7</v>
      </c>
      <c r="C27" s="100" t="s">
        <v>7</v>
      </c>
      <c r="D27" s="54" t="s">
        <v>7</v>
      </c>
      <c r="E27" s="103" t="s">
        <v>7</v>
      </c>
      <c r="F27" s="69"/>
      <c r="G27" s="91"/>
    </row>
    <row r="28" spans="1:7" ht="12.95" customHeight="1">
      <c r="A28" s="78"/>
      <c r="B28" s="31"/>
      <c r="C28" s="32"/>
      <c r="D28" s="55"/>
      <c r="E28" s="33"/>
      <c r="F28" s="70"/>
      <c r="G28" s="12"/>
    </row>
    <row r="29" spans="1:7" ht="12.95" customHeight="1">
      <c r="A29" s="78"/>
      <c r="B29" s="24"/>
      <c r="C29" s="25"/>
      <c r="D29" s="53"/>
      <c r="E29" s="30"/>
      <c r="F29" s="68"/>
      <c r="G29" s="5"/>
    </row>
    <row r="30" spans="1:7" ht="12.95" customHeight="1">
      <c r="A30" s="78"/>
      <c r="B30" s="27"/>
      <c r="C30" s="28"/>
      <c r="D30" s="54"/>
      <c r="E30" s="29"/>
      <c r="F30" s="69"/>
      <c r="G30" s="8"/>
    </row>
    <row r="31" spans="1:7" ht="12.95" customHeight="1">
      <c r="A31" s="78"/>
      <c r="B31" s="31"/>
      <c r="C31" s="32"/>
      <c r="D31" s="55"/>
      <c r="E31" s="33"/>
      <c r="F31" s="70"/>
      <c r="G31" s="12"/>
    </row>
    <row r="32" spans="1:7" ht="12.95" customHeight="1">
      <c r="A32" s="78"/>
      <c r="B32" s="24"/>
      <c r="C32" s="25"/>
      <c r="D32" s="53"/>
      <c r="E32" s="30"/>
      <c r="F32" s="68"/>
      <c r="G32" s="5"/>
    </row>
    <row r="33" spans="1:7" ht="12.95" customHeight="1">
      <c r="A33" s="78"/>
      <c r="B33" s="27"/>
      <c r="C33" s="28"/>
      <c r="D33" s="54"/>
      <c r="E33" s="29"/>
      <c r="F33" s="69"/>
      <c r="G33" s="8"/>
    </row>
    <row r="34" spans="1:7" ht="12.95" customHeight="1">
      <c r="A34" s="78"/>
      <c r="B34" s="31"/>
      <c r="C34" s="32"/>
      <c r="D34" s="55"/>
      <c r="E34" s="33"/>
      <c r="F34" s="70"/>
      <c r="G34" s="12"/>
    </row>
    <row r="35" spans="1:7" ht="12.95" customHeight="1">
      <c r="A35" s="78"/>
      <c r="B35" s="24"/>
      <c r="C35" s="25"/>
      <c r="D35" s="53"/>
      <c r="E35" s="30"/>
      <c r="F35" s="68"/>
      <c r="G35" s="5"/>
    </row>
    <row r="36" spans="1:7" ht="12.95" customHeight="1">
      <c r="A36" s="78"/>
      <c r="B36" s="27"/>
      <c r="C36" s="28"/>
      <c r="D36" s="54"/>
      <c r="E36" s="29"/>
      <c r="F36" s="69"/>
      <c r="G36" s="8"/>
    </row>
    <row r="37" spans="1:7" ht="12.95" customHeight="1">
      <c r="A37" s="78"/>
      <c r="B37" s="31"/>
      <c r="C37" s="32"/>
      <c r="D37" s="55"/>
      <c r="E37" s="33"/>
      <c r="F37" s="70"/>
      <c r="G37" s="12"/>
    </row>
    <row r="38" spans="1:7" ht="12.95" customHeight="1">
      <c r="A38" s="78"/>
      <c r="B38" s="24"/>
      <c r="C38" s="25"/>
      <c r="D38" s="53"/>
      <c r="E38" s="30"/>
      <c r="F38" s="68"/>
      <c r="G38" s="5"/>
    </row>
    <row r="39" spans="1:7" ht="12.95" customHeight="1">
      <c r="A39" s="78"/>
      <c r="B39" s="27"/>
      <c r="C39" s="28"/>
      <c r="D39" s="54"/>
      <c r="E39" s="29"/>
      <c r="F39" s="69"/>
      <c r="G39" s="8"/>
    </row>
    <row r="40" spans="1:7" ht="12.95" customHeight="1">
      <c r="A40" s="78"/>
      <c r="B40" s="31"/>
      <c r="C40" s="32"/>
      <c r="D40" s="55"/>
      <c r="E40" s="34"/>
      <c r="F40" s="70"/>
      <c r="G40" s="12"/>
    </row>
    <row r="41" spans="1:7" ht="12.95" customHeight="1">
      <c r="A41" s="78"/>
      <c r="B41" s="24"/>
      <c r="C41" s="25"/>
      <c r="D41" s="53"/>
      <c r="E41" s="30"/>
      <c r="F41" s="68"/>
      <c r="G41" s="5"/>
    </row>
    <row r="42" spans="1:7" ht="12.95" customHeight="1">
      <c r="A42" s="78"/>
      <c r="B42" s="27"/>
      <c r="C42" s="28"/>
      <c r="D42" s="54"/>
      <c r="E42" s="29"/>
      <c r="F42" s="69"/>
      <c r="G42" s="8"/>
    </row>
    <row r="43" spans="1:7" ht="12.95" customHeight="1">
      <c r="A43" s="78"/>
      <c r="B43" s="31"/>
      <c r="C43" s="32"/>
      <c r="D43" s="55"/>
      <c r="E43" s="33"/>
      <c r="F43" s="70"/>
      <c r="G43" s="12"/>
    </row>
    <row r="44" spans="1:7" ht="12.95" customHeight="1">
      <c r="A44" s="78"/>
      <c r="B44" s="24"/>
      <c r="C44" s="25"/>
      <c r="D44" s="53"/>
      <c r="E44" s="30"/>
      <c r="F44" s="68"/>
      <c r="G44" s="5"/>
    </row>
    <row r="45" spans="1:7" ht="12.95" customHeight="1">
      <c r="A45" s="78"/>
      <c r="B45" s="27"/>
      <c r="C45" s="28"/>
      <c r="D45" s="54"/>
      <c r="E45" s="29"/>
      <c r="F45" s="69"/>
      <c r="G45" s="8"/>
    </row>
    <row r="46" spans="1:7" ht="12.95" customHeight="1">
      <c r="A46" s="78"/>
      <c r="B46" s="31"/>
      <c r="C46" s="32"/>
      <c r="D46" s="55"/>
      <c r="E46" s="33"/>
      <c r="F46" s="70"/>
      <c r="G46" s="12"/>
    </row>
    <row r="47" spans="1:7" ht="12.95" customHeight="1">
      <c r="A47" s="78"/>
      <c r="B47" s="24"/>
      <c r="C47" s="25"/>
      <c r="D47" s="53"/>
      <c r="E47" s="30"/>
      <c r="F47" s="68"/>
      <c r="G47" s="5"/>
    </row>
    <row r="48" spans="1:7" ht="12.95" customHeight="1">
      <c r="A48" s="78"/>
      <c r="B48" s="27"/>
      <c r="C48" s="28"/>
      <c r="D48" s="54"/>
      <c r="E48" s="29"/>
      <c r="F48" s="69"/>
      <c r="G48" s="8"/>
    </row>
    <row r="49" spans="1:7" ht="12.95" customHeight="1">
      <c r="A49" s="78"/>
      <c r="B49" s="31"/>
      <c r="C49" s="32"/>
      <c r="D49" s="55"/>
      <c r="E49" s="33"/>
      <c r="F49" s="70"/>
      <c r="G49" s="12"/>
    </row>
    <row r="50" spans="1:7" ht="12.95" customHeight="1">
      <c r="A50" s="78"/>
      <c r="B50" s="24"/>
      <c r="C50" s="25"/>
      <c r="D50" s="53"/>
      <c r="E50" s="26"/>
      <c r="F50" s="68"/>
      <c r="G50" s="5"/>
    </row>
    <row r="51" spans="1:7" ht="12.95" customHeight="1">
      <c r="A51" s="78"/>
      <c r="B51" s="27"/>
      <c r="C51" s="28"/>
      <c r="D51" s="54"/>
      <c r="E51" s="29"/>
      <c r="F51" s="69"/>
      <c r="G51" s="8"/>
    </row>
    <row r="52" spans="1:7" ht="12.95" customHeight="1">
      <c r="A52" s="78"/>
      <c r="B52" s="31"/>
      <c r="C52" s="32"/>
      <c r="D52" s="55"/>
      <c r="E52" s="33"/>
      <c r="F52" s="70"/>
      <c r="G52" s="12"/>
    </row>
    <row r="53" spans="1:7" ht="12.95" customHeight="1">
      <c r="A53" s="78"/>
      <c r="B53" s="24"/>
      <c r="C53" s="25"/>
      <c r="D53" s="53"/>
      <c r="E53" s="30"/>
      <c r="F53" s="68"/>
      <c r="G53" s="5"/>
    </row>
    <row r="54" spans="1:7" ht="12.95" customHeight="1">
      <c r="A54" s="78"/>
      <c r="B54" s="27"/>
      <c r="C54" s="28"/>
      <c r="D54" s="54"/>
      <c r="E54" s="29"/>
      <c r="F54" s="69"/>
      <c r="G54" s="8"/>
    </row>
    <row r="55" spans="1:7" ht="12.95" customHeight="1">
      <c r="A55" s="78"/>
      <c r="B55" s="31"/>
      <c r="C55" s="32"/>
      <c r="D55" s="55"/>
      <c r="E55" s="33"/>
      <c r="F55" s="70"/>
      <c r="G55" s="12"/>
    </row>
    <row r="56" spans="1:7" ht="12.95" customHeight="1">
      <c r="A56" s="78"/>
      <c r="B56" s="24"/>
      <c r="C56" s="25"/>
      <c r="D56" s="53"/>
      <c r="E56" s="30"/>
      <c r="F56" s="68"/>
      <c r="G56" s="5"/>
    </row>
    <row r="57" spans="1:7" ht="12.95" customHeight="1">
      <c r="A57" s="78"/>
      <c r="B57" s="27"/>
      <c r="C57" s="28"/>
      <c r="D57" s="54"/>
      <c r="E57" s="29"/>
      <c r="F57" s="69"/>
      <c r="G57" s="8"/>
    </row>
    <row r="58" spans="1:7" ht="12.95" customHeight="1">
      <c r="A58" s="78"/>
      <c r="B58" s="31"/>
      <c r="C58" s="32"/>
      <c r="D58" s="55"/>
      <c r="E58" s="33"/>
      <c r="F58" s="70"/>
      <c r="G58" s="12"/>
    </row>
    <row r="59" spans="1:7" ht="12.95" customHeight="1">
      <c r="A59" s="78"/>
      <c r="B59" s="24"/>
      <c r="C59" s="25"/>
      <c r="D59" s="53"/>
      <c r="E59" s="30"/>
      <c r="F59" s="68"/>
      <c r="G59" s="5"/>
    </row>
    <row r="60" spans="1:7" ht="12.95" customHeight="1">
      <c r="A60" s="78"/>
      <c r="B60" s="27"/>
      <c r="C60" s="28"/>
      <c r="D60" s="54"/>
      <c r="E60" s="35"/>
      <c r="F60" s="69"/>
      <c r="G60" s="8"/>
    </row>
    <row r="61" spans="1:7" ht="12.95" customHeight="1">
      <c r="A61" s="78"/>
      <c r="B61" s="31"/>
      <c r="C61" s="32"/>
      <c r="D61" s="55"/>
      <c r="E61" s="33"/>
      <c r="F61" s="70"/>
      <c r="G61" s="12"/>
    </row>
    <row r="62" spans="1:7" ht="12.95" customHeight="1">
      <c r="A62" s="78"/>
      <c r="B62" s="24"/>
      <c r="C62" s="25"/>
      <c r="D62" s="56"/>
      <c r="E62" s="36"/>
      <c r="F62" s="71"/>
      <c r="G62" s="5"/>
    </row>
    <row r="63" spans="1:7" ht="12.95" customHeight="1">
      <c r="A63" s="78"/>
      <c r="B63" s="37"/>
      <c r="C63" s="38"/>
      <c r="D63" s="57"/>
      <c r="E63" s="39"/>
      <c r="F63" s="72"/>
      <c r="G63" s="18"/>
    </row>
    <row r="64" spans="1:7" ht="0.95" customHeight="1">
      <c r="B64" s="19"/>
      <c r="C64" s="19"/>
      <c r="D64" s="19"/>
      <c r="E64" s="19"/>
      <c r="F64" s="19"/>
      <c r="G64" s="19"/>
    </row>
    <row r="65" spans="1:7" s="1" customFormat="1" ht="18" customHeight="1">
      <c r="B65" s="79" t="s">
        <v>687</v>
      </c>
      <c r="C65" s="79"/>
      <c r="D65" s="79"/>
      <c r="E65" s="79"/>
      <c r="F65" s="79"/>
      <c r="G65" s="80"/>
    </row>
    <row r="66" spans="1:7" ht="21" customHeight="1">
      <c r="A66" s="78"/>
      <c r="B66" s="207" t="s">
        <v>688</v>
      </c>
      <c r="C66" s="208"/>
      <c r="D66" s="208"/>
      <c r="E66" s="208"/>
      <c r="F66" s="208"/>
      <c r="G66" s="209"/>
    </row>
    <row r="67" spans="1:7" ht="21" customHeight="1">
      <c r="A67" s="78"/>
      <c r="B67" s="84" t="s">
        <v>671</v>
      </c>
      <c r="C67" s="85" t="s">
        <v>672</v>
      </c>
      <c r="D67" s="85" t="s">
        <v>673</v>
      </c>
      <c r="E67" s="85" t="s">
        <v>674</v>
      </c>
      <c r="F67" s="85" t="s">
        <v>675</v>
      </c>
      <c r="G67" s="86" t="s">
        <v>676</v>
      </c>
    </row>
    <row r="68" spans="1:7" ht="12.95" customHeight="1">
      <c r="A68" s="78" t="s">
        <v>7</v>
      </c>
      <c r="B68" s="97" t="s">
        <v>689</v>
      </c>
      <c r="C68" s="98" t="s">
        <v>7</v>
      </c>
      <c r="D68" s="53" t="s">
        <v>7</v>
      </c>
      <c r="E68" s="102" t="s">
        <v>7</v>
      </c>
      <c r="F68" s="68"/>
      <c r="G68" s="90"/>
    </row>
    <row r="69" spans="1:7" ht="12.95" customHeight="1">
      <c r="A69" s="78" t="s">
        <v>7</v>
      </c>
      <c r="B69" s="97" t="s">
        <v>7</v>
      </c>
      <c r="C69" s="98" t="s">
        <v>7</v>
      </c>
      <c r="D69" s="53" t="s">
        <v>679</v>
      </c>
      <c r="E69" s="102" t="s">
        <v>7</v>
      </c>
      <c r="F69" s="68"/>
      <c r="G69" s="90"/>
    </row>
    <row r="70" spans="1:7" ht="12.95" customHeight="1">
      <c r="A70" s="78" t="s">
        <v>7</v>
      </c>
      <c r="B70" s="99" t="s">
        <v>7</v>
      </c>
      <c r="C70" s="100" t="s">
        <v>7</v>
      </c>
      <c r="D70" s="54" t="s">
        <v>7</v>
      </c>
      <c r="E70" s="103" t="s">
        <v>680</v>
      </c>
      <c r="F70" s="69"/>
      <c r="G70" s="91"/>
    </row>
    <row r="71" spans="1:7" ht="12.95" customHeight="1">
      <c r="A71" s="78" t="s">
        <v>7</v>
      </c>
      <c r="B71" s="101" t="s">
        <v>681</v>
      </c>
      <c r="C71" s="98" t="s">
        <v>7</v>
      </c>
      <c r="D71" s="53" t="s">
        <v>7</v>
      </c>
      <c r="E71" s="104" t="s">
        <v>7</v>
      </c>
      <c r="F71" s="68"/>
      <c r="G71" s="90"/>
    </row>
    <row r="72" spans="1:7" ht="12.95" customHeight="1">
      <c r="A72" s="78" t="s">
        <v>7</v>
      </c>
      <c r="B72" s="97" t="s">
        <v>7</v>
      </c>
      <c r="C72" s="98" t="s">
        <v>7</v>
      </c>
      <c r="D72" s="53" t="s">
        <v>7</v>
      </c>
      <c r="E72" s="104" t="s">
        <v>7</v>
      </c>
      <c r="F72" s="68"/>
      <c r="G72" s="90"/>
    </row>
    <row r="73" spans="1:7" ht="12.95" customHeight="1">
      <c r="A73" s="78" t="s">
        <v>7</v>
      </c>
      <c r="B73" s="99" t="s">
        <v>7</v>
      </c>
      <c r="C73" s="100" t="s">
        <v>7</v>
      </c>
      <c r="D73" s="54" t="s">
        <v>7</v>
      </c>
      <c r="E73" s="103" t="s">
        <v>7</v>
      </c>
      <c r="F73" s="69"/>
      <c r="G73" s="91"/>
    </row>
    <row r="74" spans="1:7" ht="12.95" customHeight="1">
      <c r="A74" s="78"/>
      <c r="B74" s="31"/>
      <c r="C74" s="32"/>
      <c r="D74" s="55"/>
      <c r="E74" s="33"/>
      <c r="F74" s="70"/>
      <c r="G74" s="12"/>
    </row>
    <row r="75" spans="1:7" ht="12.95" customHeight="1">
      <c r="A75" s="78"/>
      <c r="B75" s="24"/>
      <c r="C75" s="25"/>
      <c r="D75" s="53"/>
      <c r="E75" s="30"/>
      <c r="F75" s="68"/>
      <c r="G75" s="5"/>
    </row>
    <row r="76" spans="1:7" ht="12.95" customHeight="1">
      <c r="A76" s="78"/>
      <c r="B76" s="27"/>
      <c r="C76" s="28"/>
      <c r="D76" s="54"/>
      <c r="E76" s="29"/>
      <c r="F76" s="69"/>
      <c r="G76" s="8"/>
    </row>
    <row r="77" spans="1:7" ht="12.95" customHeight="1">
      <c r="A77" s="78"/>
      <c r="B77" s="31"/>
      <c r="C77" s="32"/>
      <c r="D77" s="55"/>
      <c r="E77" s="33"/>
      <c r="F77" s="70"/>
      <c r="G77" s="12"/>
    </row>
    <row r="78" spans="1:7" ht="12.95" customHeight="1">
      <c r="A78" s="78"/>
      <c r="B78" s="24"/>
      <c r="C78" s="25"/>
      <c r="D78" s="53"/>
      <c r="E78" s="30"/>
      <c r="F78" s="68"/>
      <c r="G78" s="5"/>
    </row>
    <row r="79" spans="1:7" ht="12.95" customHeight="1">
      <c r="A79" s="78"/>
      <c r="B79" s="27"/>
      <c r="C79" s="28"/>
      <c r="D79" s="54"/>
      <c r="E79" s="29"/>
      <c r="F79" s="69"/>
      <c r="G79" s="8"/>
    </row>
    <row r="80" spans="1:7" ht="12.95" customHeight="1">
      <c r="A80" s="78"/>
      <c r="B80" s="31"/>
      <c r="C80" s="32"/>
      <c r="D80" s="55"/>
      <c r="E80" s="33"/>
      <c r="F80" s="70"/>
      <c r="G80" s="12"/>
    </row>
    <row r="81" spans="1:7" ht="12.95" customHeight="1">
      <c r="A81" s="78"/>
      <c r="B81" s="24"/>
      <c r="C81" s="25"/>
      <c r="D81" s="53"/>
      <c r="E81" s="30"/>
      <c r="F81" s="68"/>
      <c r="G81" s="5"/>
    </row>
    <row r="82" spans="1:7" ht="12.95" customHeight="1">
      <c r="A82" s="78"/>
      <c r="B82" s="27"/>
      <c r="C82" s="28"/>
      <c r="D82" s="54"/>
      <c r="E82" s="29"/>
      <c r="F82" s="69"/>
      <c r="G82" s="8"/>
    </row>
    <row r="83" spans="1:7" ht="12.95" customHeight="1">
      <c r="A83" s="78"/>
      <c r="B83" s="31"/>
      <c r="C83" s="32"/>
      <c r="D83" s="55"/>
      <c r="E83" s="33"/>
      <c r="F83" s="70"/>
      <c r="G83" s="12"/>
    </row>
    <row r="84" spans="1:7" ht="12.95" customHeight="1">
      <c r="A84" s="78"/>
      <c r="B84" s="24"/>
      <c r="C84" s="25"/>
      <c r="D84" s="53"/>
      <c r="E84" s="30"/>
      <c r="F84" s="68"/>
      <c r="G84" s="5"/>
    </row>
    <row r="85" spans="1:7" ht="12.95" customHeight="1">
      <c r="A85" s="78"/>
      <c r="B85" s="27"/>
      <c r="C85" s="28"/>
      <c r="D85" s="54"/>
      <c r="E85" s="29"/>
      <c r="F85" s="69"/>
      <c r="G85" s="8"/>
    </row>
    <row r="86" spans="1:7" ht="12.95" customHeight="1">
      <c r="A86" s="78"/>
      <c r="B86" s="31"/>
      <c r="C86" s="32"/>
      <c r="D86" s="55"/>
      <c r="E86" s="33"/>
      <c r="F86" s="70"/>
      <c r="G86" s="12"/>
    </row>
    <row r="87" spans="1:7" ht="12.95" customHeight="1">
      <c r="A87" s="78"/>
      <c r="B87" s="24"/>
      <c r="C87" s="25"/>
      <c r="D87" s="53"/>
      <c r="E87" s="30"/>
      <c r="F87" s="68"/>
      <c r="G87" s="5"/>
    </row>
    <row r="88" spans="1:7" ht="12.95" customHeight="1">
      <c r="A88" s="78"/>
      <c r="B88" s="27"/>
      <c r="C88" s="28"/>
      <c r="D88" s="54"/>
      <c r="E88" s="29"/>
      <c r="F88" s="69"/>
      <c r="G88" s="8"/>
    </row>
    <row r="89" spans="1:7" ht="12.95" customHeight="1">
      <c r="A89" s="78"/>
      <c r="B89" s="31"/>
      <c r="C89" s="32"/>
      <c r="D89" s="55"/>
      <c r="E89" s="33"/>
      <c r="F89" s="70"/>
      <c r="G89" s="12"/>
    </row>
    <row r="90" spans="1:7" ht="12.95" customHeight="1">
      <c r="A90" s="78"/>
      <c r="B90" s="24"/>
      <c r="C90" s="25"/>
      <c r="D90" s="53"/>
      <c r="E90" s="30"/>
      <c r="F90" s="68"/>
      <c r="G90" s="5"/>
    </row>
    <row r="91" spans="1:7" ht="12.95" customHeight="1">
      <c r="A91" s="78"/>
      <c r="B91" s="27"/>
      <c r="C91" s="28"/>
      <c r="D91" s="54"/>
      <c r="E91" s="29"/>
      <c r="F91" s="69"/>
      <c r="G91" s="8"/>
    </row>
    <row r="92" spans="1:7" ht="12.95" customHeight="1">
      <c r="A92" s="78"/>
      <c r="B92" s="31"/>
      <c r="C92" s="32"/>
      <c r="D92" s="55"/>
      <c r="E92" s="33"/>
      <c r="F92" s="70"/>
      <c r="G92" s="12"/>
    </row>
    <row r="93" spans="1:7" ht="12.95" customHeight="1">
      <c r="A93" s="78"/>
      <c r="B93" s="24"/>
      <c r="C93" s="25"/>
      <c r="D93" s="53"/>
      <c r="E93" s="30"/>
      <c r="F93" s="68"/>
      <c r="G93" s="5"/>
    </row>
    <row r="94" spans="1:7" ht="12.95" customHeight="1">
      <c r="A94" s="78"/>
      <c r="B94" s="27"/>
      <c r="C94" s="28"/>
      <c r="D94" s="54"/>
      <c r="E94" s="29"/>
      <c r="F94" s="69"/>
      <c r="G94" s="8"/>
    </row>
    <row r="95" spans="1:7" ht="12.95" customHeight="1">
      <c r="A95" s="78"/>
      <c r="B95" s="31"/>
      <c r="C95" s="32"/>
      <c r="D95" s="55"/>
      <c r="E95" s="33"/>
      <c r="F95" s="70"/>
      <c r="G95" s="12"/>
    </row>
    <row r="96" spans="1:7" ht="12.95" customHeight="1">
      <c r="A96" s="78"/>
      <c r="B96" s="24"/>
      <c r="C96" s="25"/>
      <c r="D96" s="53"/>
      <c r="E96" s="30"/>
      <c r="F96" s="68"/>
      <c r="G96" s="5"/>
    </row>
    <row r="97" spans="1:7" ht="12.95" customHeight="1">
      <c r="A97" s="78"/>
      <c r="B97" s="27"/>
      <c r="C97" s="28"/>
      <c r="D97" s="54"/>
      <c r="E97" s="29"/>
      <c r="F97" s="69"/>
      <c r="G97" s="8"/>
    </row>
    <row r="98" spans="1:7" ht="12.95" customHeight="1">
      <c r="A98" s="78"/>
      <c r="B98" s="31"/>
      <c r="C98" s="32"/>
      <c r="D98" s="55"/>
      <c r="E98" s="33"/>
      <c r="F98" s="70"/>
      <c r="G98" s="12"/>
    </row>
    <row r="99" spans="1:7" ht="12.95" customHeight="1">
      <c r="A99" s="78"/>
      <c r="B99" s="24"/>
      <c r="C99" s="25"/>
      <c r="D99" s="53"/>
      <c r="E99" s="30"/>
      <c r="F99" s="68"/>
      <c r="G99" s="5"/>
    </row>
    <row r="100" spans="1:7" ht="12.95" customHeight="1">
      <c r="A100" s="78"/>
      <c r="B100" s="27"/>
      <c r="C100" s="28"/>
      <c r="D100" s="54"/>
      <c r="E100" s="29"/>
      <c r="F100" s="69"/>
      <c r="G100" s="8"/>
    </row>
    <row r="101" spans="1:7" ht="12.95" customHeight="1">
      <c r="A101" s="78"/>
      <c r="B101" s="31"/>
      <c r="C101" s="32"/>
      <c r="D101" s="55"/>
      <c r="E101" s="33"/>
      <c r="F101" s="70"/>
      <c r="G101" s="12"/>
    </row>
    <row r="102" spans="1:7" ht="12.95" customHeight="1">
      <c r="A102" s="78"/>
      <c r="B102" s="24"/>
      <c r="C102" s="25"/>
      <c r="D102" s="53"/>
      <c r="E102" s="30"/>
      <c r="F102" s="68"/>
      <c r="G102" s="5"/>
    </row>
    <row r="103" spans="1:7" ht="12.95" customHeight="1">
      <c r="A103" s="78"/>
      <c r="B103" s="27"/>
      <c r="C103" s="28"/>
      <c r="D103" s="54"/>
      <c r="E103" s="29"/>
      <c r="F103" s="69"/>
      <c r="G103" s="8"/>
    </row>
    <row r="104" spans="1:7" ht="12.95" customHeight="1">
      <c r="A104" s="78"/>
      <c r="B104" s="31"/>
      <c r="C104" s="32"/>
      <c r="D104" s="55"/>
      <c r="E104" s="34"/>
      <c r="F104" s="70"/>
      <c r="G104" s="12"/>
    </row>
    <row r="105" spans="1:7" ht="12.95" customHeight="1">
      <c r="A105" s="78"/>
      <c r="B105" s="24"/>
      <c r="C105" s="25"/>
      <c r="D105" s="53"/>
      <c r="E105" s="30"/>
      <c r="F105" s="68"/>
      <c r="G105" s="5"/>
    </row>
    <row r="106" spans="1:7" ht="12.95" customHeight="1">
      <c r="A106" s="78"/>
      <c r="B106" s="27"/>
      <c r="C106" s="28"/>
      <c r="D106" s="54"/>
      <c r="E106" s="29"/>
      <c r="F106" s="69"/>
      <c r="G106" s="8"/>
    </row>
    <row r="107" spans="1:7" ht="12.95" customHeight="1">
      <c r="A107" s="78"/>
      <c r="B107" s="31"/>
      <c r="C107" s="32"/>
      <c r="D107" s="55"/>
      <c r="E107" s="33"/>
      <c r="F107" s="70"/>
      <c r="G107" s="12"/>
    </row>
    <row r="108" spans="1:7" ht="12.95" customHeight="1">
      <c r="A108" s="78"/>
      <c r="B108" s="24"/>
      <c r="C108" s="25"/>
      <c r="D108" s="53"/>
      <c r="E108" s="30"/>
      <c r="F108" s="68"/>
      <c r="G108" s="5"/>
    </row>
    <row r="109" spans="1:7" ht="12.95" customHeight="1">
      <c r="A109" s="78"/>
      <c r="B109" s="27"/>
      <c r="C109" s="28"/>
      <c r="D109" s="54"/>
      <c r="E109" s="29"/>
      <c r="F109" s="69"/>
      <c r="G109" s="8"/>
    </row>
    <row r="110" spans="1:7" ht="12.95" customHeight="1">
      <c r="A110" s="78"/>
      <c r="B110" s="31"/>
      <c r="C110" s="32"/>
      <c r="D110" s="55"/>
      <c r="E110" s="33"/>
      <c r="F110" s="70"/>
      <c r="G110" s="12"/>
    </row>
    <row r="111" spans="1:7" ht="12.95" customHeight="1">
      <c r="A111" s="78"/>
      <c r="B111" s="24"/>
      <c r="C111" s="25"/>
      <c r="D111" s="53"/>
      <c r="E111" s="30"/>
      <c r="F111" s="68"/>
      <c r="G111" s="5"/>
    </row>
    <row r="112" spans="1:7" ht="12.95" customHeight="1">
      <c r="A112" s="78"/>
      <c r="B112" s="27"/>
      <c r="C112" s="28"/>
      <c r="D112" s="54"/>
      <c r="E112" s="29"/>
      <c r="F112" s="69"/>
      <c r="G112" s="8"/>
    </row>
    <row r="113" spans="1:7" ht="12.95" customHeight="1">
      <c r="A113" s="78"/>
      <c r="B113" s="31"/>
      <c r="C113" s="32"/>
      <c r="D113" s="55"/>
      <c r="E113" s="33"/>
      <c r="F113" s="70"/>
      <c r="G113" s="12"/>
    </row>
    <row r="114" spans="1:7" ht="12.95" customHeight="1">
      <c r="A114" s="78"/>
      <c r="B114" s="24"/>
      <c r="C114" s="25"/>
      <c r="D114" s="53"/>
      <c r="E114" s="26"/>
      <c r="F114" s="68"/>
      <c r="G114" s="5"/>
    </row>
    <row r="115" spans="1:7" ht="12.95" customHeight="1">
      <c r="A115" s="78"/>
      <c r="B115" s="27"/>
      <c r="C115" s="28"/>
      <c r="D115" s="54"/>
      <c r="E115" s="29"/>
      <c r="F115" s="69"/>
      <c r="G115" s="8"/>
    </row>
    <row r="116" spans="1:7" ht="12.95" customHeight="1">
      <c r="A116" s="78"/>
      <c r="B116" s="31"/>
      <c r="C116" s="32"/>
      <c r="D116" s="55"/>
      <c r="E116" s="33"/>
      <c r="F116" s="70"/>
      <c r="G116" s="12"/>
    </row>
    <row r="117" spans="1:7" ht="12.95" customHeight="1">
      <c r="A117" s="78"/>
      <c r="B117" s="24"/>
      <c r="C117" s="25"/>
      <c r="D117" s="53"/>
      <c r="E117" s="30"/>
      <c r="F117" s="68"/>
      <c r="G117" s="5"/>
    </row>
    <row r="118" spans="1:7" ht="12.95" customHeight="1">
      <c r="A118" s="78"/>
      <c r="B118" s="27"/>
      <c r="C118" s="28"/>
      <c r="D118" s="54"/>
      <c r="E118" s="29"/>
      <c r="F118" s="69"/>
      <c r="G118" s="8"/>
    </row>
    <row r="119" spans="1:7" ht="12.95" customHeight="1">
      <c r="A119" s="78"/>
      <c r="B119" s="31"/>
      <c r="C119" s="32"/>
      <c r="D119" s="55"/>
      <c r="E119" s="33"/>
      <c r="F119" s="70"/>
      <c r="G119" s="12"/>
    </row>
    <row r="120" spans="1:7" ht="12.95" customHeight="1">
      <c r="A120" s="78"/>
      <c r="B120" s="24"/>
      <c r="C120" s="25"/>
      <c r="D120" s="53"/>
      <c r="E120" s="30"/>
      <c r="F120" s="68"/>
      <c r="G120" s="5"/>
    </row>
    <row r="121" spans="1:7" ht="12.95" customHeight="1">
      <c r="A121" s="78"/>
      <c r="B121" s="27"/>
      <c r="C121" s="28"/>
      <c r="D121" s="54"/>
      <c r="E121" s="29"/>
      <c r="F121" s="69"/>
      <c r="G121" s="8"/>
    </row>
    <row r="122" spans="1:7" ht="12.95" customHeight="1">
      <c r="A122" s="78"/>
      <c r="B122" s="31"/>
      <c r="C122" s="32"/>
      <c r="D122" s="55"/>
      <c r="E122" s="33"/>
      <c r="F122" s="70"/>
      <c r="G122" s="12"/>
    </row>
    <row r="123" spans="1:7" ht="12.95" customHeight="1">
      <c r="A123" s="78"/>
      <c r="B123" s="24"/>
      <c r="C123" s="25"/>
      <c r="D123" s="53"/>
      <c r="E123" s="30"/>
      <c r="F123" s="68"/>
      <c r="G123" s="5"/>
    </row>
    <row r="124" spans="1:7" ht="12.95" customHeight="1">
      <c r="A124" s="78"/>
      <c r="B124" s="27"/>
      <c r="C124" s="28"/>
      <c r="D124" s="54"/>
      <c r="E124" s="35"/>
      <c r="F124" s="69"/>
      <c r="G124" s="8"/>
    </row>
    <row r="125" spans="1:7" ht="12.95" customHeight="1">
      <c r="A125" s="78"/>
      <c r="B125" s="31"/>
      <c r="C125" s="32"/>
      <c r="D125" s="55"/>
      <c r="E125" s="33"/>
      <c r="F125" s="70"/>
      <c r="G125" s="12"/>
    </row>
    <row r="126" spans="1:7" ht="12.95" customHeight="1">
      <c r="A126" s="78"/>
      <c r="B126" s="24"/>
      <c r="C126" s="25"/>
      <c r="D126" s="56"/>
      <c r="E126" s="36"/>
      <c r="F126" s="71"/>
      <c r="G126" s="5"/>
    </row>
    <row r="127" spans="1:7" ht="12.95" customHeight="1">
      <c r="A127" s="78"/>
      <c r="B127" s="37"/>
      <c r="C127" s="38"/>
      <c r="D127" s="57"/>
      <c r="E127" s="39"/>
      <c r="F127" s="72"/>
      <c r="G127" s="18"/>
    </row>
    <row r="128" spans="1:7" ht="0.95" customHeight="1">
      <c r="B128" s="19"/>
      <c r="C128" s="19"/>
      <c r="D128" s="19"/>
      <c r="E128" s="19"/>
      <c r="F128" s="19"/>
      <c r="G128" s="19"/>
    </row>
  </sheetData>
  <mergeCells count="2">
    <mergeCell ref="B2:G2"/>
    <mergeCell ref="B66:G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2" manualBreakCount="2">
    <brk id="64" max="16383" man="1"/>
    <brk id="128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64"/>
  <sheetViews>
    <sheetView view="pageBreakPreview" zoomScale="115" zoomScaleNormal="115" zoomScaleSheetLayoutView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6</v>
      </c>
      <c r="C1" s="79"/>
      <c r="D1" s="79"/>
      <c r="E1" s="79"/>
      <c r="F1" s="80"/>
    </row>
    <row r="2" spans="1:6" ht="21" customHeight="1">
      <c r="A2" s="78"/>
      <c r="B2" s="81"/>
      <c r="C2" s="82"/>
      <c r="D2" s="82"/>
      <c r="E2" s="82"/>
      <c r="F2" s="83"/>
    </row>
    <row r="3" spans="1:6" ht="21" customHeight="1">
      <c r="A3" s="78"/>
      <c r="B3" s="84" t="s">
        <v>0</v>
      </c>
      <c r="C3" s="85" t="s">
        <v>1</v>
      </c>
      <c r="D3" s="85" t="s">
        <v>2</v>
      </c>
      <c r="E3" s="85" t="s">
        <v>3</v>
      </c>
      <c r="F3" s="86" t="s">
        <v>5</v>
      </c>
    </row>
    <row r="4" spans="1:6" ht="12.95" customHeight="1">
      <c r="A4" s="78" t="s">
        <v>7</v>
      </c>
      <c r="B4" s="87" t="s">
        <v>8</v>
      </c>
      <c r="C4" s="53" t="s">
        <v>7</v>
      </c>
      <c r="D4" s="4" t="s">
        <v>7</v>
      </c>
      <c r="E4" s="73" t="s">
        <v>7</v>
      </c>
      <c r="F4" s="90"/>
    </row>
    <row r="5" spans="1:6" ht="12.95" customHeight="1">
      <c r="A5" s="78" t="s">
        <v>7</v>
      </c>
      <c r="B5" s="87" t="s">
        <v>7</v>
      </c>
      <c r="C5" s="53" t="s">
        <v>7</v>
      </c>
      <c r="D5" s="4" t="s">
        <v>7</v>
      </c>
      <c r="E5" s="73" t="s">
        <v>7</v>
      </c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7" t="s">
        <v>7</v>
      </c>
      <c r="E6" s="74" t="s">
        <v>7</v>
      </c>
      <c r="F6" s="91"/>
    </row>
    <row r="7" spans="1:6" ht="12.95" customHeight="1">
      <c r="A7" s="78" t="s">
        <v>7</v>
      </c>
      <c r="B7" s="87" t="s">
        <v>9</v>
      </c>
      <c r="C7" s="53" t="s">
        <v>7</v>
      </c>
      <c r="D7" s="4" t="s">
        <v>7</v>
      </c>
      <c r="E7" s="73" t="s">
        <v>7</v>
      </c>
      <c r="F7" s="90"/>
    </row>
    <row r="8" spans="1:6" ht="12.95" customHeight="1">
      <c r="A8" s="78" t="s">
        <v>7</v>
      </c>
      <c r="B8" s="87" t="s">
        <v>7</v>
      </c>
      <c r="C8" s="53" t="s">
        <v>10</v>
      </c>
      <c r="D8" s="4" t="s">
        <v>7</v>
      </c>
      <c r="E8" s="7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7" t="s">
        <v>11</v>
      </c>
      <c r="E9" s="74" t="s">
        <v>7</v>
      </c>
      <c r="F9" s="91"/>
    </row>
    <row r="10" spans="1:6" ht="12.95" customHeight="1">
      <c r="A10" s="78" t="s">
        <v>7</v>
      </c>
      <c r="B10" s="87" t="s">
        <v>12</v>
      </c>
      <c r="C10" s="53" t="s">
        <v>7</v>
      </c>
      <c r="D10" s="4" t="s">
        <v>7</v>
      </c>
      <c r="E10" s="73" t="s">
        <v>7</v>
      </c>
      <c r="F10" s="90"/>
    </row>
    <row r="11" spans="1:6" ht="12.95" customHeight="1">
      <c r="A11" s="78" t="s">
        <v>7</v>
      </c>
      <c r="B11" s="87" t="s">
        <v>7</v>
      </c>
      <c r="C11" s="53" t="s">
        <v>10</v>
      </c>
      <c r="D11" s="4" t="s">
        <v>7</v>
      </c>
      <c r="E11" s="73"/>
      <c r="F11" s="90"/>
    </row>
    <row r="12" spans="1:6" ht="12.95" customHeight="1">
      <c r="A12" s="78" t="s">
        <v>7</v>
      </c>
      <c r="B12" s="88" t="s">
        <v>7</v>
      </c>
      <c r="C12" s="54" t="s">
        <v>7</v>
      </c>
      <c r="D12" s="7" t="s">
        <v>11</v>
      </c>
      <c r="E12" s="74" t="s">
        <v>7</v>
      </c>
      <c r="F12" s="91"/>
    </row>
    <row r="13" spans="1:6" ht="12.95" customHeight="1">
      <c r="A13" s="78" t="s">
        <v>7</v>
      </c>
      <c r="B13" s="87" t="s">
        <v>13</v>
      </c>
      <c r="C13" s="53" t="s">
        <v>7</v>
      </c>
      <c r="D13" s="4" t="s">
        <v>7</v>
      </c>
      <c r="E13" s="73" t="s">
        <v>7</v>
      </c>
      <c r="F13" s="90"/>
    </row>
    <row r="14" spans="1:6" ht="12.95" customHeight="1">
      <c r="A14" s="78" t="s">
        <v>7</v>
      </c>
      <c r="B14" s="87" t="s">
        <v>7</v>
      </c>
      <c r="C14" s="53" t="s">
        <v>10</v>
      </c>
      <c r="D14" s="4" t="s">
        <v>7</v>
      </c>
      <c r="E14" s="73"/>
      <c r="F14" s="90"/>
    </row>
    <row r="15" spans="1:6" ht="12.95" customHeight="1">
      <c r="A15" s="78" t="s">
        <v>7</v>
      </c>
      <c r="B15" s="88" t="s">
        <v>7</v>
      </c>
      <c r="C15" s="54" t="s">
        <v>7</v>
      </c>
      <c r="D15" s="7" t="s">
        <v>11</v>
      </c>
      <c r="E15" s="74" t="s">
        <v>7</v>
      </c>
      <c r="F15" s="91"/>
    </row>
    <row r="16" spans="1:6" ht="12.95" customHeight="1">
      <c r="A16" s="78" t="s">
        <v>7</v>
      </c>
      <c r="B16" s="89" t="s">
        <v>14</v>
      </c>
      <c r="C16" s="53" t="s">
        <v>7</v>
      </c>
      <c r="D16" s="9" t="s">
        <v>7</v>
      </c>
      <c r="E16" s="73" t="s">
        <v>7</v>
      </c>
      <c r="F16" s="90"/>
    </row>
    <row r="17" spans="1:6" ht="12.95" customHeight="1">
      <c r="A17" s="78" t="s">
        <v>7</v>
      </c>
      <c r="B17" s="87" t="s">
        <v>7</v>
      </c>
      <c r="C17" s="53" t="s">
        <v>7</v>
      </c>
      <c r="D17" s="9" t="s">
        <v>7</v>
      </c>
      <c r="E17" s="73"/>
      <c r="F17" s="90"/>
    </row>
    <row r="18" spans="1:6" ht="12.95" customHeight="1">
      <c r="A18" s="78" t="s">
        <v>7</v>
      </c>
      <c r="B18" s="88" t="s">
        <v>7</v>
      </c>
      <c r="C18" s="54" t="s">
        <v>7</v>
      </c>
      <c r="D18" s="7" t="s">
        <v>7</v>
      </c>
      <c r="E18" s="74" t="s">
        <v>7</v>
      </c>
      <c r="F18" s="91"/>
    </row>
    <row r="19" spans="1:6" ht="12.95" customHeight="1">
      <c r="A19" s="78" t="s">
        <v>7</v>
      </c>
      <c r="B19" s="87" t="s">
        <v>15</v>
      </c>
      <c r="C19" s="53" t="s">
        <v>7</v>
      </c>
      <c r="D19" s="4" t="s">
        <v>7</v>
      </c>
      <c r="E19" s="73" t="s">
        <v>7</v>
      </c>
      <c r="F19" s="90"/>
    </row>
    <row r="20" spans="1:6" ht="12.95" customHeight="1">
      <c r="A20" s="78" t="s">
        <v>7</v>
      </c>
      <c r="B20" s="87" t="s">
        <v>7</v>
      </c>
      <c r="C20" s="53" t="s">
        <v>7</v>
      </c>
      <c r="D20" s="4" t="s">
        <v>7</v>
      </c>
      <c r="E20" s="73" t="s">
        <v>7</v>
      </c>
      <c r="F20" s="90"/>
    </row>
    <row r="21" spans="1:6" ht="12.95" customHeight="1">
      <c r="A21" s="78" t="s">
        <v>7</v>
      </c>
      <c r="B21" s="88" t="s">
        <v>7</v>
      </c>
      <c r="C21" s="54" t="s">
        <v>7</v>
      </c>
      <c r="D21" s="7" t="s">
        <v>7</v>
      </c>
      <c r="E21" s="74" t="s">
        <v>7</v>
      </c>
      <c r="F21" s="91"/>
    </row>
    <row r="22" spans="1:6" ht="12.95" customHeight="1">
      <c r="A22" s="78" t="s">
        <v>7</v>
      </c>
      <c r="B22" s="87" t="s">
        <v>16</v>
      </c>
      <c r="C22" s="53" t="s">
        <v>7</v>
      </c>
      <c r="D22" s="4" t="s">
        <v>7</v>
      </c>
      <c r="E22" s="73"/>
      <c r="F22" s="90"/>
    </row>
    <row r="23" spans="1:6" ht="12.95" customHeight="1">
      <c r="A23" s="78" t="s">
        <v>7</v>
      </c>
      <c r="B23" s="87" t="s">
        <v>7</v>
      </c>
      <c r="C23" s="53" t="s">
        <v>10</v>
      </c>
      <c r="D23" s="4" t="s">
        <v>7</v>
      </c>
      <c r="E23" s="73"/>
      <c r="F23" s="90"/>
    </row>
    <row r="24" spans="1:6" ht="12.95" customHeight="1">
      <c r="A24" s="78" t="s">
        <v>7</v>
      </c>
      <c r="B24" s="88" t="s">
        <v>7</v>
      </c>
      <c r="C24" s="54" t="s">
        <v>7</v>
      </c>
      <c r="D24" s="7" t="s">
        <v>11</v>
      </c>
      <c r="E24" s="74"/>
      <c r="F24" s="91"/>
    </row>
    <row r="25" spans="1:6" ht="12.95" customHeight="1">
      <c r="A25" s="78" t="s">
        <v>7</v>
      </c>
      <c r="B25" s="87" t="s">
        <v>17</v>
      </c>
      <c r="C25" s="53" t="s">
        <v>7</v>
      </c>
      <c r="D25" s="4" t="s">
        <v>7</v>
      </c>
      <c r="E25" s="73"/>
      <c r="F25" s="90"/>
    </row>
    <row r="26" spans="1:6" ht="12.95" customHeight="1">
      <c r="A26" s="78" t="s">
        <v>7</v>
      </c>
      <c r="B26" s="87" t="s">
        <v>7</v>
      </c>
      <c r="C26" s="53" t="s">
        <v>10</v>
      </c>
      <c r="D26" s="4" t="s">
        <v>7</v>
      </c>
      <c r="E26" s="73"/>
      <c r="F26" s="90"/>
    </row>
    <row r="27" spans="1:6" ht="12.95" customHeight="1">
      <c r="A27" s="78" t="s">
        <v>7</v>
      </c>
      <c r="B27" s="88" t="s">
        <v>7</v>
      </c>
      <c r="C27" s="54" t="s">
        <v>7</v>
      </c>
      <c r="D27" s="7" t="s">
        <v>11</v>
      </c>
      <c r="E27" s="74"/>
      <c r="F27" s="91"/>
    </row>
    <row r="28" spans="1:6" ht="12.95" customHeight="1">
      <c r="A28" s="78" t="s">
        <v>7</v>
      </c>
      <c r="B28" s="87" t="s">
        <v>18</v>
      </c>
      <c r="C28" s="53" t="s">
        <v>7</v>
      </c>
      <c r="D28" s="4" t="s">
        <v>7</v>
      </c>
      <c r="E28" s="73"/>
      <c r="F28" s="90"/>
    </row>
    <row r="29" spans="1:6" ht="12.95" customHeight="1">
      <c r="A29" s="78" t="s">
        <v>7</v>
      </c>
      <c r="B29" s="87" t="s">
        <v>7</v>
      </c>
      <c r="C29" s="53" t="s">
        <v>10</v>
      </c>
      <c r="D29" s="4" t="s">
        <v>7</v>
      </c>
      <c r="E29" s="73"/>
      <c r="F29" s="90"/>
    </row>
    <row r="30" spans="1:6" ht="12.95" customHeight="1">
      <c r="A30" s="78" t="s">
        <v>7</v>
      </c>
      <c r="B30" s="88" t="s">
        <v>7</v>
      </c>
      <c r="C30" s="54" t="s">
        <v>7</v>
      </c>
      <c r="D30" s="7" t="s">
        <v>11</v>
      </c>
      <c r="E30" s="74"/>
      <c r="F30" s="91"/>
    </row>
    <row r="31" spans="1:6" ht="12.95" customHeight="1">
      <c r="A31" s="78" t="s">
        <v>7</v>
      </c>
      <c r="B31" s="89" t="s">
        <v>14</v>
      </c>
      <c r="C31" s="53" t="s">
        <v>7</v>
      </c>
      <c r="D31" s="9" t="s">
        <v>7</v>
      </c>
      <c r="E31" s="73"/>
      <c r="F31" s="90"/>
    </row>
    <row r="32" spans="1:6" ht="12.95" customHeight="1">
      <c r="A32" s="78" t="s">
        <v>7</v>
      </c>
      <c r="B32" s="87" t="s">
        <v>7</v>
      </c>
      <c r="C32" s="53" t="s">
        <v>7</v>
      </c>
      <c r="D32" s="9" t="s">
        <v>7</v>
      </c>
      <c r="E32" s="73"/>
      <c r="F32" s="90"/>
    </row>
    <row r="33" spans="1:6" ht="12.95" customHeight="1">
      <c r="A33" s="78" t="s">
        <v>7</v>
      </c>
      <c r="B33" s="88" t="s">
        <v>7</v>
      </c>
      <c r="C33" s="54" t="s">
        <v>7</v>
      </c>
      <c r="D33" s="7" t="s">
        <v>7</v>
      </c>
      <c r="E33" s="74" t="s">
        <v>7</v>
      </c>
      <c r="F33" s="91"/>
    </row>
    <row r="34" spans="1:6" ht="12.95" customHeight="1">
      <c r="A34" s="78" t="s">
        <v>7</v>
      </c>
      <c r="B34" s="87" t="s">
        <v>7</v>
      </c>
      <c r="C34" s="53" t="s">
        <v>7</v>
      </c>
      <c r="D34" s="4" t="s">
        <v>7</v>
      </c>
      <c r="E34" s="73" t="s">
        <v>7</v>
      </c>
      <c r="F34" s="90"/>
    </row>
    <row r="35" spans="1:6" ht="12.95" customHeight="1">
      <c r="A35" s="78" t="s">
        <v>7</v>
      </c>
      <c r="B35" s="87" t="s">
        <v>7</v>
      </c>
      <c r="C35" s="53" t="s">
        <v>7</v>
      </c>
      <c r="D35" s="4" t="s">
        <v>7</v>
      </c>
      <c r="E35" s="73" t="s">
        <v>7</v>
      </c>
      <c r="F35" s="90"/>
    </row>
    <row r="36" spans="1:6" ht="12.95" customHeight="1">
      <c r="A36" s="78" t="s">
        <v>7</v>
      </c>
      <c r="B36" s="88" t="s">
        <v>7</v>
      </c>
      <c r="C36" s="54" t="s">
        <v>7</v>
      </c>
      <c r="D36" s="7" t="s">
        <v>7</v>
      </c>
      <c r="E36" s="74" t="s">
        <v>7</v>
      </c>
      <c r="F36" s="91" t="s">
        <v>7</v>
      </c>
    </row>
    <row r="37" spans="1:6" ht="12.95" customHeight="1">
      <c r="A37" s="78" t="s">
        <v>7</v>
      </c>
      <c r="B37" s="87" t="s">
        <v>19</v>
      </c>
      <c r="C37" s="53" t="s">
        <v>7</v>
      </c>
      <c r="D37" s="4" t="s">
        <v>7</v>
      </c>
      <c r="E37" s="73" t="s">
        <v>7</v>
      </c>
      <c r="F37" s="90"/>
    </row>
    <row r="38" spans="1:6" ht="12.95" customHeight="1">
      <c r="A38" s="78" t="s">
        <v>7</v>
      </c>
      <c r="B38" s="87" t="s">
        <v>7</v>
      </c>
      <c r="C38" s="53" t="s">
        <v>10</v>
      </c>
      <c r="D38" s="4" t="s">
        <v>7</v>
      </c>
      <c r="E38" s="73"/>
      <c r="F38" s="90" t="s">
        <v>7</v>
      </c>
    </row>
    <row r="39" spans="1:6" ht="12.95" customHeight="1">
      <c r="A39" s="78" t="s">
        <v>7</v>
      </c>
      <c r="B39" s="88" t="s">
        <v>7</v>
      </c>
      <c r="C39" s="54" t="s">
        <v>7</v>
      </c>
      <c r="D39" s="7" t="s">
        <v>11</v>
      </c>
      <c r="E39" s="74"/>
      <c r="F39" s="91" t="s">
        <v>7</v>
      </c>
    </row>
    <row r="40" spans="1:6" ht="12.95" customHeight="1">
      <c r="A40" s="78" t="s">
        <v>7</v>
      </c>
      <c r="B40" s="87"/>
      <c r="C40" s="53"/>
      <c r="D40" s="4"/>
      <c r="E40" s="73"/>
      <c r="F40" s="90"/>
    </row>
    <row r="41" spans="1:6" ht="12.95" customHeight="1">
      <c r="A41" s="78" t="s">
        <v>7</v>
      </c>
      <c r="B41" s="87"/>
      <c r="C41" s="53"/>
      <c r="D41" s="4"/>
      <c r="E41" s="73"/>
      <c r="F41" s="90"/>
    </row>
    <row r="42" spans="1:6" ht="12.95" customHeight="1">
      <c r="A42" s="78" t="s">
        <v>7</v>
      </c>
      <c r="B42" s="88"/>
      <c r="C42" s="54"/>
      <c r="D42" s="7"/>
      <c r="E42" s="74"/>
      <c r="F42" s="91"/>
    </row>
    <row r="43" spans="1:6" ht="12.95" customHeight="1">
      <c r="A43" s="78" t="s">
        <v>7</v>
      </c>
      <c r="B43" s="87"/>
      <c r="C43" s="53"/>
      <c r="D43" s="4"/>
      <c r="E43" s="73"/>
      <c r="F43" s="90"/>
    </row>
    <row r="44" spans="1:6" ht="12.95" customHeight="1">
      <c r="A44" s="78" t="s">
        <v>7</v>
      </c>
      <c r="B44" s="87"/>
      <c r="C44" s="53"/>
      <c r="D44" s="4"/>
      <c r="E44" s="73"/>
      <c r="F44" s="90"/>
    </row>
    <row r="45" spans="1:6" ht="12.95" customHeight="1">
      <c r="A45" s="78" t="s">
        <v>7</v>
      </c>
      <c r="B45" s="88" t="s">
        <v>7</v>
      </c>
      <c r="C45" s="54" t="s">
        <v>7</v>
      </c>
      <c r="D45" s="7"/>
      <c r="E45" s="74" t="s">
        <v>7</v>
      </c>
      <c r="F45" s="91" t="s">
        <v>7</v>
      </c>
    </row>
    <row r="46" spans="1:6" ht="12.95" customHeight="1">
      <c r="A46" s="78"/>
      <c r="B46" s="10"/>
      <c r="C46" s="55"/>
      <c r="D46" s="11"/>
      <c r="E46" s="75"/>
      <c r="F46" s="12"/>
    </row>
    <row r="47" spans="1:6" ht="12.95" customHeight="1">
      <c r="A47" s="78"/>
      <c r="B47" s="3"/>
      <c r="C47" s="53"/>
      <c r="D47" s="9"/>
      <c r="E47" s="73"/>
      <c r="F47" s="5"/>
    </row>
    <row r="48" spans="1:6" ht="12.95" customHeight="1">
      <c r="A48" s="78"/>
      <c r="B48" s="6"/>
      <c r="C48" s="54"/>
      <c r="D48" s="7"/>
      <c r="E48" s="74"/>
      <c r="F48" s="8"/>
    </row>
    <row r="49" spans="1:6" ht="12.95" customHeight="1">
      <c r="A49" s="78"/>
      <c r="B49" s="10"/>
      <c r="C49" s="55"/>
      <c r="D49" s="11"/>
      <c r="E49" s="75"/>
      <c r="F49" s="12"/>
    </row>
    <row r="50" spans="1:6" ht="12.95" customHeight="1">
      <c r="A50" s="78"/>
      <c r="B50" s="3"/>
      <c r="C50" s="53"/>
      <c r="D50" s="4"/>
      <c r="E50" s="73"/>
      <c r="F50" s="5"/>
    </row>
    <row r="51" spans="1:6" ht="12.95" customHeight="1">
      <c r="A51" s="78"/>
      <c r="B51" s="6"/>
      <c r="C51" s="54"/>
      <c r="D51" s="7"/>
      <c r="E51" s="74"/>
      <c r="F51" s="8"/>
    </row>
    <row r="52" spans="1:6" ht="12.95" customHeight="1">
      <c r="A52" s="78"/>
      <c r="B52" s="10"/>
      <c r="C52" s="55"/>
      <c r="D52" s="11"/>
      <c r="E52" s="75"/>
      <c r="F52" s="12"/>
    </row>
    <row r="53" spans="1:6" ht="12.95" customHeight="1">
      <c r="A53" s="78"/>
      <c r="B53" s="3"/>
      <c r="C53" s="53"/>
      <c r="D53" s="9"/>
      <c r="E53" s="73"/>
      <c r="F53" s="5"/>
    </row>
    <row r="54" spans="1:6" ht="12.95" customHeight="1">
      <c r="A54" s="78"/>
      <c r="B54" s="6"/>
      <c r="C54" s="54"/>
      <c r="D54" s="7"/>
      <c r="E54" s="74"/>
      <c r="F54" s="8"/>
    </row>
    <row r="55" spans="1:6" ht="12.95" customHeight="1">
      <c r="A55" s="78"/>
      <c r="B55" s="10"/>
      <c r="C55" s="55"/>
      <c r="D55" s="11"/>
      <c r="E55" s="75"/>
      <c r="F55" s="12"/>
    </row>
    <row r="56" spans="1:6" ht="12.95" customHeight="1">
      <c r="A56" s="78"/>
      <c r="B56" s="3"/>
      <c r="C56" s="53"/>
      <c r="D56" s="9"/>
      <c r="E56" s="73"/>
      <c r="F56" s="5"/>
    </row>
    <row r="57" spans="1:6" ht="12.95" customHeight="1">
      <c r="A57" s="78"/>
      <c r="B57" s="6"/>
      <c r="C57" s="54"/>
      <c r="D57" s="7"/>
      <c r="E57" s="74"/>
      <c r="F57" s="8"/>
    </row>
    <row r="58" spans="1:6" ht="12.95" customHeight="1">
      <c r="A58" s="78"/>
      <c r="B58" s="10"/>
      <c r="C58" s="55"/>
      <c r="D58" s="11"/>
      <c r="E58" s="75"/>
      <c r="F58" s="12"/>
    </row>
    <row r="59" spans="1:6" ht="12.95" customHeight="1">
      <c r="A59" s="78"/>
      <c r="B59" s="3"/>
      <c r="C59" s="53"/>
      <c r="D59" s="9"/>
      <c r="E59" s="73"/>
      <c r="F59" s="5"/>
    </row>
    <row r="60" spans="1:6" ht="12.95" customHeight="1">
      <c r="A60" s="78"/>
      <c r="B60" s="6"/>
      <c r="C60" s="54"/>
      <c r="D60" s="14"/>
      <c r="E60" s="74"/>
      <c r="F60" s="8"/>
    </row>
    <row r="61" spans="1:6" ht="12.95" customHeight="1">
      <c r="A61" s="78"/>
      <c r="B61" s="10"/>
      <c r="C61" s="55"/>
      <c r="D61" s="11"/>
      <c r="E61" s="75"/>
      <c r="F61" s="12"/>
    </row>
    <row r="62" spans="1:6" ht="12.95" customHeight="1">
      <c r="A62" s="78"/>
      <c r="B62" s="3"/>
      <c r="C62" s="56"/>
      <c r="D62" s="15"/>
      <c r="E62" s="76"/>
      <c r="F62" s="5"/>
    </row>
    <row r="63" spans="1:6" ht="12.95" customHeight="1">
      <c r="A63" s="78"/>
      <c r="B63" s="16"/>
      <c r="C63" s="57"/>
      <c r="D63" s="17"/>
      <c r="E63" s="77"/>
      <c r="F63" s="18"/>
    </row>
    <row r="64" spans="1:6" ht="0.95" customHeight="1">
      <c r="B64" s="19"/>
      <c r="C64" s="19"/>
      <c r="D64" s="19"/>
      <c r="E64" s="19"/>
      <c r="F64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H320"/>
  <sheetViews>
    <sheetView tabSelected="1" view="pageBreakPreview" zoomScaleNormal="115" zoomScaleSheetLayoutView="100" workbookViewId="0">
      <selection activeCell="K19" sqref="K19"/>
    </sheetView>
  </sheetViews>
  <sheetFormatPr defaultRowHeight="11.25"/>
  <cols>
    <col min="1" max="1" width="0.1640625" style="2" customWidth="1"/>
    <col min="2" max="2" width="14.83203125" style="2" customWidth="1"/>
    <col min="3" max="3" width="23.83203125" style="2" customWidth="1"/>
    <col min="4" max="4" width="15.83203125" style="2" customWidth="1"/>
    <col min="5" max="5" width="5" style="2" customWidth="1"/>
    <col min="6" max="6" width="13.6640625" style="2" customWidth="1"/>
    <col min="7" max="7" width="17.6640625" style="2" customWidth="1"/>
    <col min="8" max="8" width="19.6640625" style="2" customWidth="1"/>
    <col min="9" max="16384" width="9.33203125" style="2"/>
  </cols>
  <sheetData>
    <row r="1" spans="1:8" s="1" customFormat="1" ht="18" customHeight="1">
      <c r="B1" s="79" t="s">
        <v>690</v>
      </c>
      <c r="C1" s="79"/>
      <c r="D1" s="79"/>
      <c r="E1" s="79"/>
      <c r="F1" s="79"/>
      <c r="G1" s="79"/>
      <c r="H1" s="80"/>
    </row>
    <row r="2" spans="1:8" ht="21" customHeight="1">
      <c r="A2" s="78"/>
      <c r="B2" s="207" t="s">
        <v>652</v>
      </c>
      <c r="C2" s="208"/>
      <c r="D2" s="208" t="s">
        <v>691</v>
      </c>
      <c r="E2" s="208"/>
      <c r="F2" s="208"/>
      <c r="G2" s="208" t="s">
        <v>692</v>
      </c>
      <c r="H2" s="209"/>
    </row>
    <row r="3" spans="1:8" ht="21" customHeight="1">
      <c r="A3" s="78"/>
      <c r="B3" s="105" t="s">
        <v>87</v>
      </c>
      <c r="C3" s="106" t="s">
        <v>88</v>
      </c>
      <c r="D3" s="106" t="s">
        <v>56</v>
      </c>
      <c r="E3" s="106" t="s">
        <v>2</v>
      </c>
      <c r="F3" s="106" t="s">
        <v>89</v>
      </c>
      <c r="G3" s="106" t="s">
        <v>58</v>
      </c>
      <c r="H3" s="107" t="s">
        <v>5</v>
      </c>
    </row>
    <row r="4" spans="1:8" ht="12.95" customHeight="1">
      <c r="A4" s="78" t="s">
        <v>7</v>
      </c>
      <c r="B4" s="108" t="s">
        <v>693</v>
      </c>
      <c r="C4" s="98" t="s">
        <v>7</v>
      </c>
      <c r="D4" s="52" t="s">
        <v>7</v>
      </c>
      <c r="E4" s="113" t="s">
        <v>7</v>
      </c>
      <c r="F4" s="124" t="s">
        <v>7</v>
      </c>
      <c r="G4" s="53"/>
      <c r="H4" s="90"/>
    </row>
    <row r="5" spans="1:8" ht="12.95" customHeight="1">
      <c r="A5" s="78" t="s">
        <v>7</v>
      </c>
      <c r="B5" s="108" t="s">
        <v>7</v>
      </c>
      <c r="C5" s="98" t="s">
        <v>7</v>
      </c>
      <c r="D5" s="52" t="s">
        <v>10</v>
      </c>
      <c r="E5" s="113" t="s">
        <v>7</v>
      </c>
      <c r="F5" s="52" t="s">
        <v>7</v>
      </c>
      <c r="G5" s="53"/>
      <c r="H5" s="90"/>
    </row>
    <row r="6" spans="1:8" ht="12.95" customHeight="1">
      <c r="A6" s="78" t="s">
        <v>7</v>
      </c>
      <c r="B6" s="109" t="s">
        <v>7</v>
      </c>
      <c r="C6" s="100" t="s">
        <v>7</v>
      </c>
      <c r="D6" s="60" t="s">
        <v>7</v>
      </c>
      <c r="E6" s="112" t="s">
        <v>11</v>
      </c>
      <c r="F6" s="126" t="s">
        <v>7</v>
      </c>
      <c r="G6" s="54"/>
      <c r="H6" s="91"/>
    </row>
    <row r="7" spans="1:8" ht="12.95" customHeight="1">
      <c r="A7" s="78" t="s">
        <v>7</v>
      </c>
      <c r="B7" s="108" t="s">
        <v>694</v>
      </c>
      <c r="C7" s="98" t="s">
        <v>7</v>
      </c>
      <c r="D7" s="52" t="s">
        <v>7</v>
      </c>
      <c r="E7" s="113" t="s">
        <v>7</v>
      </c>
      <c r="F7" s="124" t="s">
        <v>7</v>
      </c>
      <c r="G7" s="53"/>
      <c r="H7" s="90"/>
    </row>
    <row r="8" spans="1:8" ht="12.95" customHeight="1">
      <c r="A8" s="78" t="s">
        <v>7</v>
      </c>
      <c r="B8" s="108" t="s">
        <v>7</v>
      </c>
      <c r="C8" s="98" t="s">
        <v>7</v>
      </c>
      <c r="D8" s="52" t="s">
        <v>10</v>
      </c>
      <c r="E8" s="113" t="s">
        <v>7</v>
      </c>
      <c r="F8" s="52" t="s">
        <v>7</v>
      </c>
      <c r="G8" s="53"/>
      <c r="H8" s="90"/>
    </row>
    <row r="9" spans="1:8" ht="12.95" customHeight="1">
      <c r="A9" s="78" t="s">
        <v>7</v>
      </c>
      <c r="B9" s="109" t="s">
        <v>7</v>
      </c>
      <c r="C9" s="100" t="s">
        <v>7</v>
      </c>
      <c r="D9" s="60" t="s">
        <v>7</v>
      </c>
      <c r="E9" s="112" t="s">
        <v>11</v>
      </c>
      <c r="F9" s="126" t="s">
        <v>7</v>
      </c>
      <c r="G9" s="54"/>
      <c r="H9" s="91"/>
    </row>
    <row r="10" spans="1:8" ht="12.95" customHeight="1">
      <c r="A10" s="78" t="s">
        <v>7</v>
      </c>
      <c r="B10" s="108" t="s">
        <v>695</v>
      </c>
      <c r="C10" s="98" t="s">
        <v>7</v>
      </c>
      <c r="D10" s="52" t="s">
        <v>7</v>
      </c>
      <c r="E10" s="113" t="s">
        <v>7</v>
      </c>
      <c r="F10" s="124" t="s">
        <v>7</v>
      </c>
      <c r="G10" s="53"/>
      <c r="H10" s="90"/>
    </row>
    <row r="11" spans="1:8" ht="12.95" customHeight="1">
      <c r="A11" s="78" t="s">
        <v>7</v>
      </c>
      <c r="B11" s="108" t="s">
        <v>7</v>
      </c>
      <c r="C11" s="98" t="s">
        <v>7</v>
      </c>
      <c r="D11" s="52" t="s">
        <v>10</v>
      </c>
      <c r="E11" s="113" t="s">
        <v>7</v>
      </c>
      <c r="F11" s="52" t="s">
        <v>7</v>
      </c>
      <c r="G11" s="53"/>
      <c r="H11" s="90"/>
    </row>
    <row r="12" spans="1:8" ht="12.95" customHeight="1">
      <c r="A12" s="78" t="s">
        <v>7</v>
      </c>
      <c r="B12" s="109" t="s">
        <v>7</v>
      </c>
      <c r="C12" s="100" t="s">
        <v>7</v>
      </c>
      <c r="D12" s="60" t="s">
        <v>7</v>
      </c>
      <c r="E12" s="112" t="s">
        <v>11</v>
      </c>
      <c r="F12" s="126" t="s">
        <v>7</v>
      </c>
      <c r="G12" s="54"/>
      <c r="H12" s="91"/>
    </row>
    <row r="13" spans="1:8" ht="12.95" customHeight="1">
      <c r="A13" s="78" t="s">
        <v>7</v>
      </c>
      <c r="B13" s="108" t="s">
        <v>696</v>
      </c>
      <c r="C13" s="98" t="s">
        <v>7</v>
      </c>
      <c r="D13" s="52" t="s">
        <v>7</v>
      </c>
      <c r="E13" s="113" t="s">
        <v>7</v>
      </c>
      <c r="F13" s="124" t="s">
        <v>7</v>
      </c>
      <c r="G13" s="53"/>
      <c r="H13" s="90"/>
    </row>
    <row r="14" spans="1:8" ht="12.95" customHeight="1">
      <c r="A14" s="78" t="s">
        <v>7</v>
      </c>
      <c r="B14" s="108" t="s">
        <v>7</v>
      </c>
      <c r="C14" s="98" t="s">
        <v>7</v>
      </c>
      <c r="D14" s="52" t="s">
        <v>10</v>
      </c>
      <c r="E14" s="113" t="s">
        <v>7</v>
      </c>
      <c r="F14" s="52" t="s">
        <v>7</v>
      </c>
      <c r="G14" s="53"/>
      <c r="H14" s="90"/>
    </row>
    <row r="15" spans="1:8" ht="12.95" customHeight="1">
      <c r="A15" s="78" t="s">
        <v>7</v>
      </c>
      <c r="B15" s="109" t="s">
        <v>7</v>
      </c>
      <c r="C15" s="100" t="s">
        <v>7</v>
      </c>
      <c r="D15" s="60" t="s">
        <v>7</v>
      </c>
      <c r="E15" s="112" t="s">
        <v>11</v>
      </c>
      <c r="F15" s="126" t="s">
        <v>7</v>
      </c>
      <c r="G15" s="54"/>
      <c r="H15" s="91"/>
    </row>
    <row r="16" spans="1:8" ht="12.95" customHeight="1">
      <c r="A16" s="78" t="s">
        <v>7</v>
      </c>
      <c r="B16" s="108" t="s">
        <v>697</v>
      </c>
      <c r="C16" s="98" t="s">
        <v>7</v>
      </c>
      <c r="D16" s="52" t="s">
        <v>7</v>
      </c>
      <c r="E16" s="113" t="s">
        <v>7</v>
      </c>
      <c r="F16" s="124" t="s">
        <v>7</v>
      </c>
      <c r="G16" s="53"/>
      <c r="H16" s="90"/>
    </row>
    <row r="17" spans="1:8" ht="12.95" customHeight="1">
      <c r="A17" s="78" t="s">
        <v>7</v>
      </c>
      <c r="B17" s="108" t="s">
        <v>7</v>
      </c>
      <c r="C17" s="98" t="s">
        <v>7</v>
      </c>
      <c r="D17" s="52" t="s">
        <v>10</v>
      </c>
      <c r="E17" s="113" t="s">
        <v>7</v>
      </c>
      <c r="F17" s="52" t="s">
        <v>7</v>
      </c>
      <c r="G17" s="53"/>
      <c r="H17" s="90"/>
    </row>
    <row r="18" spans="1:8" ht="12.95" customHeight="1">
      <c r="A18" s="78" t="s">
        <v>7</v>
      </c>
      <c r="B18" s="109" t="s">
        <v>7</v>
      </c>
      <c r="C18" s="100" t="s">
        <v>7</v>
      </c>
      <c r="D18" s="60" t="s">
        <v>7</v>
      </c>
      <c r="E18" s="112" t="s">
        <v>11</v>
      </c>
      <c r="F18" s="126" t="s">
        <v>7</v>
      </c>
      <c r="G18" s="54"/>
      <c r="H18" s="91"/>
    </row>
    <row r="19" spans="1:8" ht="12.95" customHeight="1">
      <c r="A19" s="78" t="s">
        <v>7</v>
      </c>
      <c r="B19" s="108" t="s">
        <v>698</v>
      </c>
      <c r="C19" s="98" t="s">
        <v>7</v>
      </c>
      <c r="D19" s="52" t="s">
        <v>7</v>
      </c>
      <c r="E19" s="113" t="s">
        <v>7</v>
      </c>
      <c r="F19" s="124" t="s">
        <v>7</v>
      </c>
      <c r="G19" s="53"/>
      <c r="H19" s="90"/>
    </row>
    <row r="20" spans="1:8" ht="12.95" customHeight="1">
      <c r="A20" s="78" t="s">
        <v>7</v>
      </c>
      <c r="B20" s="108" t="s">
        <v>7</v>
      </c>
      <c r="C20" s="98" t="s">
        <v>7</v>
      </c>
      <c r="D20" s="52" t="s">
        <v>10</v>
      </c>
      <c r="E20" s="113" t="s">
        <v>7</v>
      </c>
      <c r="F20" s="52" t="s">
        <v>7</v>
      </c>
      <c r="G20" s="53"/>
      <c r="H20" s="90"/>
    </row>
    <row r="21" spans="1:8" ht="12.95" customHeight="1">
      <c r="A21" s="78" t="s">
        <v>7</v>
      </c>
      <c r="B21" s="109" t="s">
        <v>7</v>
      </c>
      <c r="C21" s="100" t="s">
        <v>7</v>
      </c>
      <c r="D21" s="60" t="s">
        <v>7</v>
      </c>
      <c r="E21" s="112" t="s">
        <v>11</v>
      </c>
      <c r="F21" s="126" t="s">
        <v>7</v>
      </c>
      <c r="G21" s="54"/>
      <c r="H21" s="91"/>
    </row>
    <row r="22" spans="1:8" ht="12.95" customHeight="1">
      <c r="A22" s="78" t="s">
        <v>7</v>
      </c>
      <c r="B22" s="108" t="s">
        <v>65</v>
      </c>
      <c r="C22" s="98" t="s">
        <v>7</v>
      </c>
      <c r="D22" s="52" t="s">
        <v>7</v>
      </c>
      <c r="E22" s="113" t="s">
        <v>7</v>
      </c>
      <c r="F22" s="124" t="s">
        <v>7</v>
      </c>
      <c r="G22" s="53"/>
      <c r="H22" s="90"/>
    </row>
    <row r="23" spans="1:8" ht="12.95" customHeight="1">
      <c r="A23" s="78" t="s">
        <v>7</v>
      </c>
      <c r="B23" s="108" t="s">
        <v>7</v>
      </c>
      <c r="C23" s="98" t="s">
        <v>7</v>
      </c>
      <c r="D23" s="52" t="s">
        <v>10</v>
      </c>
      <c r="E23" s="113" t="s">
        <v>7</v>
      </c>
      <c r="F23" s="52" t="s">
        <v>7</v>
      </c>
      <c r="G23" s="53"/>
      <c r="H23" s="90"/>
    </row>
    <row r="24" spans="1:8" ht="12.95" customHeight="1">
      <c r="A24" s="78" t="s">
        <v>7</v>
      </c>
      <c r="B24" s="109" t="s">
        <v>7</v>
      </c>
      <c r="C24" s="100" t="s">
        <v>7</v>
      </c>
      <c r="D24" s="60" t="s">
        <v>7</v>
      </c>
      <c r="E24" s="112" t="s">
        <v>11</v>
      </c>
      <c r="F24" s="126" t="s">
        <v>7</v>
      </c>
      <c r="G24" s="54"/>
      <c r="H24" s="91"/>
    </row>
    <row r="25" spans="1:8" ht="12.95" customHeight="1">
      <c r="A25" s="78" t="s">
        <v>7</v>
      </c>
      <c r="B25" s="110" t="s">
        <v>14</v>
      </c>
      <c r="C25" s="98" t="s">
        <v>7</v>
      </c>
      <c r="D25" s="52" t="s">
        <v>7</v>
      </c>
      <c r="E25" s="113" t="s">
        <v>7</v>
      </c>
      <c r="F25" s="52" t="s">
        <v>7</v>
      </c>
      <c r="G25" s="53"/>
      <c r="H25" s="90"/>
    </row>
    <row r="26" spans="1:8" ht="12.95" customHeight="1">
      <c r="A26" s="78" t="s">
        <v>7</v>
      </c>
      <c r="B26" s="108" t="s">
        <v>7</v>
      </c>
      <c r="C26" s="98" t="s">
        <v>7</v>
      </c>
      <c r="D26" s="52" t="s">
        <v>7</v>
      </c>
      <c r="E26" s="113" t="s">
        <v>7</v>
      </c>
      <c r="F26" s="52" t="s">
        <v>7</v>
      </c>
      <c r="G26" s="53"/>
      <c r="H26" s="90" t="s">
        <v>7</v>
      </c>
    </row>
    <row r="27" spans="1:8" ht="12.95" customHeight="1">
      <c r="A27" s="78" t="s">
        <v>7</v>
      </c>
      <c r="B27" s="109" t="s">
        <v>7</v>
      </c>
      <c r="C27" s="100" t="s">
        <v>7</v>
      </c>
      <c r="D27" s="60" t="s">
        <v>7</v>
      </c>
      <c r="E27" s="112" t="s">
        <v>7</v>
      </c>
      <c r="F27" s="60" t="s">
        <v>7</v>
      </c>
      <c r="G27" s="54" t="s">
        <v>7</v>
      </c>
      <c r="H27" s="91" t="s">
        <v>7</v>
      </c>
    </row>
    <row r="28" spans="1:8" ht="12.95" customHeight="1">
      <c r="A28" s="78"/>
      <c r="B28" s="45"/>
      <c r="C28" s="32"/>
      <c r="D28" s="61"/>
      <c r="E28" s="46"/>
      <c r="F28" s="61"/>
      <c r="G28" s="55"/>
      <c r="H28" s="12"/>
    </row>
    <row r="29" spans="1:8" ht="12.95" customHeight="1">
      <c r="A29" s="78"/>
      <c r="B29" s="40"/>
      <c r="C29" s="25"/>
      <c r="D29" s="52"/>
      <c r="E29" s="44"/>
      <c r="F29" s="52"/>
      <c r="G29" s="53"/>
      <c r="H29" s="5"/>
    </row>
    <row r="30" spans="1:8" ht="12.95" customHeight="1">
      <c r="A30" s="78"/>
      <c r="B30" s="42"/>
      <c r="C30" s="28"/>
      <c r="D30" s="60"/>
      <c r="E30" s="43"/>
      <c r="F30" s="60"/>
      <c r="G30" s="54"/>
      <c r="H30" s="8"/>
    </row>
    <row r="31" spans="1:8" ht="12.95" customHeight="1">
      <c r="A31" s="78"/>
      <c r="B31" s="45"/>
      <c r="C31" s="32"/>
      <c r="D31" s="61"/>
      <c r="E31" s="46"/>
      <c r="F31" s="61"/>
      <c r="G31" s="55"/>
      <c r="H31" s="12"/>
    </row>
    <row r="32" spans="1:8" ht="12.95" customHeight="1">
      <c r="A32" s="78"/>
      <c r="B32" s="40"/>
      <c r="C32" s="25"/>
      <c r="D32" s="52"/>
      <c r="E32" s="44"/>
      <c r="F32" s="52"/>
      <c r="G32" s="53"/>
      <c r="H32" s="5"/>
    </row>
    <row r="33" spans="1:8" ht="12.95" customHeight="1">
      <c r="A33" s="78"/>
      <c r="B33" s="42"/>
      <c r="C33" s="28"/>
      <c r="D33" s="60"/>
      <c r="E33" s="43"/>
      <c r="F33" s="60"/>
      <c r="G33" s="54"/>
      <c r="H33" s="8"/>
    </row>
    <row r="34" spans="1:8" ht="12.95" customHeight="1">
      <c r="A34" s="78"/>
      <c r="B34" s="45"/>
      <c r="C34" s="32"/>
      <c r="D34" s="61"/>
      <c r="E34" s="46"/>
      <c r="F34" s="61"/>
      <c r="G34" s="55"/>
      <c r="H34" s="12"/>
    </row>
    <row r="35" spans="1:8" ht="12.95" customHeight="1">
      <c r="A35" s="78"/>
      <c r="B35" s="40"/>
      <c r="C35" s="25"/>
      <c r="D35" s="52"/>
      <c r="E35" s="44"/>
      <c r="F35" s="52"/>
      <c r="G35" s="53"/>
      <c r="H35" s="5"/>
    </row>
    <row r="36" spans="1:8" ht="12.95" customHeight="1">
      <c r="A36" s="78"/>
      <c r="B36" s="42"/>
      <c r="C36" s="28"/>
      <c r="D36" s="60"/>
      <c r="E36" s="43"/>
      <c r="F36" s="60"/>
      <c r="G36" s="54"/>
      <c r="H36" s="8"/>
    </row>
    <row r="37" spans="1:8" ht="12.95" customHeight="1">
      <c r="A37" s="78"/>
      <c r="B37" s="45"/>
      <c r="C37" s="32"/>
      <c r="D37" s="61"/>
      <c r="E37" s="46"/>
      <c r="F37" s="61"/>
      <c r="G37" s="55"/>
      <c r="H37" s="12"/>
    </row>
    <row r="38" spans="1:8" ht="12.95" customHeight="1">
      <c r="A38" s="78"/>
      <c r="B38" s="40"/>
      <c r="C38" s="25"/>
      <c r="D38" s="52"/>
      <c r="E38" s="44"/>
      <c r="F38" s="52"/>
      <c r="G38" s="53"/>
      <c r="H38" s="5"/>
    </row>
    <row r="39" spans="1:8" ht="12.95" customHeight="1">
      <c r="A39" s="78"/>
      <c r="B39" s="42"/>
      <c r="C39" s="28"/>
      <c r="D39" s="60"/>
      <c r="E39" s="43"/>
      <c r="F39" s="60"/>
      <c r="G39" s="54"/>
      <c r="H39" s="8"/>
    </row>
    <row r="40" spans="1:8" ht="12.95" customHeight="1">
      <c r="A40" s="78"/>
      <c r="B40" s="45"/>
      <c r="C40" s="32"/>
      <c r="D40" s="61"/>
      <c r="E40" s="47"/>
      <c r="F40" s="65"/>
      <c r="G40" s="55"/>
      <c r="H40" s="12"/>
    </row>
    <row r="41" spans="1:8" ht="12.95" customHeight="1">
      <c r="A41" s="78"/>
      <c r="B41" s="40"/>
      <c r="C41" s="25"/>
      <c r="D41" s="52"/>
      <c r="E41" s="44"/>
      <c r="F41" s="52"/>
      <c r="G41" s="53"/>
      <c r="H41" s="5"/>
    </row>
    <row r="42" spans="1:8" ht="12.95" customHeight="1">
      <c r="A42" s="78"/>
      <c r="B42" s="42"/>
      <c r="C42" s="28"/>
      <c r="D42" s="60"/>
      <c r="E42" s="43"/>
      <c r="F42" s="60"/>
      <c r="G42" s="54"/>
      <c r="H42" s="8"/>
    </row>
    <row r="43" spans="1:8" ht="12.95" customHeight="1">
      <c r="A43" s="78"/>
      <c r="B43" s="45"/>
      <c r="C43" s="32"/>
      <c r="D43" s="61"/>
      <c r="E43" s="46"/>
      <c r="F43" s="61"/>
      <c r="G43" s="55"/>
      <c r="H43" s="12"/>
    </row>
    <row r="44" spans="1:8" ht="12.95" customHeight="1">
      <c r="A44" s="78"/>
      <c r="B44" s="40"/>
      <c r="C44" s="25"/>
      <c r="D44" s="52"/>
      <c r="E44" s="44"/>
      <c r="F44" s="52"/>
      <c r="G44" s="53"/>
      <c r="H44" s="5"/>
    </row>
    <row r="45" spans="1:8" ht="12.95" customHeight="1">
      <c r="A45" s="78"/>
      <c r="B45" s="42"/>
      <c r="C45" s="28"/>
      <c r="D45" s="60"/>
      <c r="E45" s="43"/>
      <c r="F45" s="60"/>
      <c r="G45" s="54"/>
      <c r="H45" s="8"/>
    </row>
    <row r="46" spans="1:8" ht="12.95" customHeight="1">
      <c r="A46" s="78"/>
      <c r="B46" s="45"/>
      <c r="C46" s="32"/>
      <c r="D46" s="61"/>
      <c r="E46" s="46"/>
      <c r="F46" s="61"/>
      <c r="G46" s="55"/>
      <c r="H46" s="12"/>
    </row>
    <row r="47" spans="1:8" ht="12.95" customHeight="1">
      <c r="A47" s="78"/>
      <c r="B47" s="40"/>
      <c r="C47" s="25"/>
      <c r="D47" s="52"/>
      <c r="E47" s="44"/>
      <c r="F47" s="52"/>
      <c r="G47" s="53"/>
      <c r="H47" s="5"/>
    </row>
    <row r="48" spans="1:8" ht="12.95" customHeight="1">
      <c r="A48" s="78"/>
      <c r="B48" s="42"/>
      <c r="C48" s="28"/>
      <c r="D48" s="60"/>
      <c r="E48" s="43"/>
      <c r="F48" s="60"/>
      <c r="G48" s="54"/>
      <c r="H48" s="8"/>
    </row>
    <row r="49" spans="1:8" ht="12.95" customHeight="1">
      <c r="A49" s="78"/>
      <c r="B49" s="45"/>
      <c r="C49" s="32"/>
      <c r="D49" s="61"/>
      <c r="E49" s="46"/>
      <c r="F49" s="61"/>
      <c r="G49" s="55"/>
      <c r="H49" s="12"/>
    </row>
    <row r="50" spans="1:8" ht="12.95" customHeight="1">
      <c r="A50" s="78"/>
      <c r="B50" s="40"/>
      <c r="C50" s="25"/>
      <c r="D50" s="52"/>
      <c r="E50" s="41"/>
      <c r="F50" s="64"/>
      <c r="G50" s="53"/>
      <c r="H50" s="5"/>
    </row>
    <row r="51" spans="1:8" ht="12.95" customHeight="1">
      <c r="A51" s="78"/>
      <c r="B51" s="42"/>
      <c r="C51" s="28"/>
      <c r="D51" s="60"/>
      <c r="E51" s="43"/>
      <c r="F51" s="60"/>
      <c r="G51" s="54"/>
      <c r="H51" s="8"/>
    </row>
    <row r="52" spans="1:8" ht="12.95" customHeight="1">
      <c r="A52" s="78"/>
      <c r="B52" s="45"/>
      <c r="C52" s="32"/>
      <c r="D52" s="61"/>
      <c r="E52" s="46"/>
      <c r="F52" s="61"/>
      <c r="G52" s="55"/>
      <c r="H52" s="12"/>
    </row>
    <row r="53" spans="1:8" ht="12.95" customHeight="1">
      <c r="A53" s="78"/>
      <c r="B53" s="40"/>
      <c r="C53" s="25"/>
      <c r="D53" s="52"/>
      <c r="E53" s="44"/>
      <c r="F53" s="52"/>
      <c r="G53" s="53"/>
      <c r="H53" s="5"/>
    </row>
    <row r="54" spans="1:8" ht="12.95" customHeight="1">
      <c r="A54" s="78"/>
      <c r="B54" s="42"/>
      <c r="C54" s="28"/>
      <c r="D54" s="60"/>
      <c r="E54" s="43"/>
      <c r="F54" s="60"/>
      <c r="G54" s="54"/>
      <c r="H54" s="8"/>
    </row>
    <row r="55" spans="1:8" ht="12.95" customHeight="1">
      <c r="A55" s="78"/>
      <c r="B55" s="45"/>
      <c r="C55" s="32"/>
      <c r="D55" s="61"/>
      <c r="E55" s="46"/>
      <c r="F55" s="61"/>
      <c r="G55" s="55"/>
      <c r="H55" s="12"/>
    </row>
    <row r="56" spans="1:8" ht="12.95" customHeight="1">
      <c r="A56" s="78"/>
      <c r="B56" s="40"/>
      <c r="C56" s="25"/>
      <c r="D56" s="52"/>
      <c r="E56" s="44"/>
      <c r="F56" s="52"/>
      <c r="G56" s="53"/>
      <c r="H56" s="5"/>
    </row>
    <row r="57" spans="1:8" ht="12.95" customHeight="1">
      <c r="A57" s="78"/>
      <c r="B57" s="42"/>
      <c r="C57" s="28"/>
      <c r="D57" s="60"/>
      <c r="E57" s="43"/>
      <c r="F57" s="60"/>
      <c r="G57" s="54"/>
      <c r="H57" s="8"/>
    </row>
    <row r="58" spans="1:8" ht="12.95" customHeight="1">
      <c r="A58" s="78"/>
      <c r="B58" s="45"/>
      <c r="C58" s="32"/>
      <c r="D58" s="61"/>
      <c r="E58" s="46"/>
      <c r="F58" s="61"/>
      <c r="G58" s="55"/>
      <c r="H58" s="12"/>
    </row>
    <row r="59" spans="1:8" ht="12.95" customHeight="1">
      <c r="A59" s="78"/>
      <c r="B59" s="40"/>
      <c r="C59" s="25"/>
      <c r="D59" s="52"/>
      <c r="E59" s="44"/>
      <c r="F59" s="52"/>
      <c r="G59" s="53"/>
      <c r="H59" s="5"/>
    </row>
    <row r="60" spans="1:8" ht="12.95" customHeight="1">
      <c r="A60" s="78"/>
      <c r="B60" s="42"/>
      <c r="C60" s="28"/>
      <c r="D60" s="60"/>
      <c r="E60" s="48"/>
      <c r="F60" s="66"/>
      <c r="G60" s="54"/>
      <c r="H60" s="8"/>
    </row>
    <row r="61" spans="1:8" ht="12.95" customHeight="1">
      <c r="A61" s="78"/>
      <c r="B61" s="45"/>
      <c r="C61" s="32"/>
      <c r="D61" s="61"/>
      <c r="E61" s="46"/>
      <c r="F61" s="61"/>
      <c r="G61" s="55"/>
      <c r="H61" s="12"/>
    </row>
    <row r="62" spans="1:8" ht="12.95" customHeight="1">
      <c r="A62" s="78"/>
      <c r="B62" s="40"/>
      <c r="C62" s="25"/>
      <c r="D62" s="62"/>
      <c r="E62" s="44"/>
      <c r="F62" s="62"/>
      <c r="G62" s="53"/>
      <c r="H62" s="5"/>
    </row>
    <row r="63" spans="1:8" ht="12.95" customHeight="1">
      <c r="A63" s="78"/>
      <c r="B63" s="50"/>
      <c r="C63" s="38"/>
      <c r="D63" s="63"/>
      <c r="E63" s="51"/>
      <c r="F63" s="63"/>
      <c r="G63" s="57"/>
      <c r="H63" s="18"/>
    </row>
    <row r="64" spans="1:8" ht="0.95" customHeight="1">
      <c r="B64" s="19"/>
      <c r="C64" s="19"/>
      <c r="D64" s="19"/>
      <c r="E64" s="19"/>
      <c r="F64" s="67"/>
      <c r="G64" s="19"/>
      <c r="H64" s="19"/>
    </row>
    <row r="65" spans="1:8" s="1" customFormat="1" ht="18" customHeight="1">
      <c r="B65" s="79" t="s">
        <v>690</v>
      </c>
      <c r="C65" s="79"/>
      <c r="D65" s="79"/>
      <c r="E65" s="79"/>
      <c r="F65" s="79"/>
      <c r="G65" s="79"/>
      <c r="H65" s="80"/>
    </row>
    <row r="66" spans="1:8" ht="21" customHeight="1">
      <c r="A66" s="78"/>
      <c r="B66" s="207" t="s">
        <v>652</v>
      </c>
      <c r="C66" s="208"/>
      <c r="D66" s="208" t="s">
        <v>699</v>
      </c>
      <c r="E66" s="208"/>
      <c r="F66" s="208"/>
      <c r="G66" s="208" t="s">
        <v>700</v>
      </c>
      <c r="H66" s="209"/>
    </row>
    <row r="67" spans="1:8" ht="21" customHeight="1">
      <c r="A67" s="78"/>
      <c r="B67" s="105" t="s">
        <v>87</v>
      </c>
      <c r="C67" s="106" t="s">
        <v>88</v>
      </c>
      <c r="D67" s="106" t="s">
        <v>56</v>
      </c>
      <c r="E67" s="106" t="s">
        <v>2</v>
      </c>
      <c r="F67" s="106" t="s">
        <v>89</v>
      </c>
      <c r="G67" s="106" t="s">
        <v>58</v>
      </c>
      <c r="H67" s="107" t="s">
        <v>5</v>
      </c>
    </row>
    <row r="68" spans="1:8" ht="12.95" customHeight="1">
      <c r="A68" s="78" t="s">
        <v>7</v>
      </c>
      <c r="B68" s="108" t="s">
        <v>694</v>
      </c>
      <c r="C68" s="98" t="s">
        <v>7</v>
      </c>
      <c r="D68" s="52" t="s">
        <v>7</v>
      </c>
      <c r="E68" s="113" t="s">
        <v>7</v>
      </c>
      <c r="F68" s="124" t="s">
        <v>7</v>
      </c>
      <c r="G68" s="53"/>
      <c r="H68" s="90"/>
    </row>
    <row r="69" spans="1:8" ht="12.95" customHeight="1">
      <c r="A69" s="78" t="s">
        <v>7</v>
      </c>
      <c r="B69" s="108" t="s">
        <v>7</v>
      </c>
      <c r="C69" s="98" t="s">
        <v>7</v>
      </c>
      <c r="D69" s="52" t="s">
        <v>10</v>
      </c>
      <c r="E69" s="113" t="s">
        <v>7</v>
      </c>
      <c r="F69" s="52" t="s">
        <v>7</v>
      </c>
      <c r="G69" s="53"/>
      <c r="H69" s="90"/>
    </row>
    <row r="70" spans="1:8" ht="12.95" customHeight="1">
      <c r="A70" s="78" t="s">
        <v>7</v>
      </c>
      <c r="B70" s="109" t="s">
        <v>7</v>
      </c>
      <c r="C70" s="100" t="s">
        <v>7</v>
      </c>
      <c r="D70" s="60" t="s">
        <v>7</v>
      </c>
      <c r="E70" s="112" t="s">
        <v>11</v>
      </c>
      <c r="F70" s="126" t="s">
        <v>7</v>
      </c>
      <c r="G70" s="54"/>
      <c r="H70" s="91"/>
    </row>
    <row r="71" spans="1:8" ht="12.95" customHeight="1">
      <c r="A71" s="78" t="s">
        <v>7</v>
      </c>
      <c r="B71" s="108" t="s">
        <v>695</v>
      </c>
      <c r="C71" s="98" t="s">
        <v>7</v>
      </c>
      <c r="D71" s="52" t="s">
        <v>7</v>
      </c>
      <c r="E71" s="113" t="s">
        <v>7</v>
      </c>
      <c r="F71" s="124" t="s">
        <v>7</v>
      </c>
      <c r="G71" s="53"/>
      <c r="H71" s="90"/>
    </row>
    <row r="72" spans="1:8" ht="12.95" customHeight="1">
      <c r="A72" s="78" t="s">
        <v>7</v>
      </c>
      <c r="B72" s="108" t="s">
        <v>7</v>
      </c>
      <c r="C72" s="98" t="s">
        <v>7</v>
      </c>
      <c r="D72" s="52" t="s">
        <v>10</v>
      </c>
      <c r="E72" s="113" t="s">
        <v>7</v>
      </c>
      <c r="F72" s="52" t="s">
        <v>7</v>
      </c>
      <c r="G72" s="53"/>
      <c r="H72" s="90"/>
    </row>
    <row r="73" spans="1:8" ht="12.95" customHeight="1">
      <c r="A73" s="78" t="s">
        <v>7</v>
      </c>
      <c r="B73" s="109" t="s">
        <v>7</v>
      </c>
      <c r="C73" s="100" t="s">
        <v>7</v>
      </c>
      <c r="D73" s="60" t="s">
        <v>7</v>
      </c>
      <c r="E73" s="112" t="s">
        <v>11</v>
      </c>
      <c r="F73" s="126" t="s">
        <v>7</v>
      </c>
      <c r="G73" s="54"/>
      <c r="H73" s="91"/>
    </row>
    <row r="74" spans="1:8" ht="12.95" customHeight="1">
      <c r="A74" s="78" t="s">
        <v>7</v>
      </c>
      <c r="B74" s="108" t="s">
        <v>65</v>
      </c>
      <c r="C74" s="98" t="s">
        <v>7</v>
      </c>
      <c r="D74" s="52" t="s">
        <v>7</v>
      </c>
      <c r="E74" s="113" t="s">
        <v>7</v>
      </c>
      <c r="F74" s="124" t="s">
        <v>7</v>
      </c>
      <c r="G74" s="53"/>
      <c r="H74" s="90"/>
    </row>
    <row r="75" spans="1:8" ht="12.95" customHeight="1">
      <c r="A75" s="78" t="s">
        <v>7</v>
      </c>
      <c r="B75" s="108" t="s">
        <v>7</v>
      </c>
      <c r="C75" s="98" t="s">
        <v>7</v>
      </c>
      <c r="D75" s="52" t="s">
        <v>10</v>
      </c>
      <c r="E75" s="113" t="s">
        <v>7</v>
      </c>
      <c r="F75" s="52" t="s">
        <v>7</v>
      </c>
      <c r="G75" s="53"/>
      <c r="H75" s="90"/>
    </row>
    <row r="76" spans="1:8" ht="12.95" customHeight="1">
      <c r="A76" s="78" t="s">
        <v>7</v>
      </c>
      <c r="B76" s="109" t="s">
        <v>7</v>
      </c>
      <c r="C76" s="100" t="s">
        <v>7</v>
      </c>
      <c r="D76" s="60" t="s">
        <v>7</v>
      </c>
      <c r="E76" s="112" t="s">
        <v>11</v>
      </c>
      <c r="F76" s="126" t="s">
        <v>7</v>
      </c>
      <c r="G76" s="54"/>
      <c r="H76" s="91"/>
    </row>
    <row r="77" spans="1:8" ht="12.95" customHeight="1">
      <c r="A77" s="78" t="s">
        <v>7</v>
      </c>
      <c r="B77" s="110" t="s">
        <v>14</v>
      </c>
      <c r="C77" s="98" t="s">
        <v>7</v>
      </c>
      <c r="D77" s="52" t="s">
        <v>7</v>
      </c>
      <c r="E77" s="113" t="s">
        <v>7</v>
      </c>
      <c r="F77" s="52" t="s">
        <v>7</v>
      </c>
      <c r="G77" s="53"/>
      <c r="H77" s="90"/>
    </row>
    <row r="78" spans="1:8" ht="12.95" customHeight="1">
      <c r="A78" s="78" t="s">
        <v>7</v>
      </c>
      <c r="B78" s="108" t="s">
        <v>7</v>
      </c>
      <c r="C78" s="98" t="s">
        <v>7</v>
      </c>
      <c r="D78" s="52" t="s">
        <v>7</v>
      </c>
      <c r="E78" s="113" t="s">
        <v>7</v>
      </c>
      <c r="F78" s="52" t="s">
        <v>7</v>
      </c>
      <c r="G78" s="53"/>
      <c r="H78" s="90"/>
    </row>
    <row r="79" spans="1:8" ht="12.95" customHeight="1">
      <c r="A79" s="78" t="s">
        <v>7</v>
      </c>
      <c r="B79" s="109" t="s">
        <v>7</v>
      </c>
      <c r="C79" s="100" t="s">
        <v>7</v>
      </c>
      <c r="D79" s="60" t="s">
        <v>7</v>
      </c>
      <c r="E79" s="112" t="s">
        <v>7</v>
      </c>
      <c r="F79" s="60" t="s">
        <v>7</v>
      </c>
      <c r="G79" s="54"/>
      <c r="H79" s="91"/>
    </row>
    <row r="80" spans="1:8" ht="12.95" customHeight="1">
      <c r="A80" s="78"/>
      <c r="B80" s="45"/>
      <c r="C80" s="32"/>
      <c r="D80" s="61"/>
      <c r="E80" s="46"/>
      <c r="F80" s="61"/>
      <c r="G80" s="55"/>
      <c r="H80" s="12"/>
    </row>
    <row r="81" spans="1:8" ht="12.95" customHeight="1">
      <c r="A81" s="78"/>
      <c r="B81" s="40"/>
      <c r="C81" s="25"/>
      <c r="D81" s="52"/>
      <c r="E81" s="44"/>
      <c r="F81" s="52"/>
      <c r="G81" s="53"/>
      <c r="H81" s="5"/>
    </row>
    <row r="82" spans="1:8" ht="12.95" customHeight="1">
      <c r="A82" s="78"/>
      <c r="B82" s="42"/>
      <c r="C82" s="28"/>
      <c r="D82" s="60"/>
      <c r="E82" s="43"/>
      <c r="F82" s="60"/>
      <c r="G82" s="54"/>
      <c r="H82" s="8"/>
    </row>
    <row r="83" spans="1:8" ht="12.95" customHeight="1">
      <c r="A83" s="78"/>
      <c r="B83" s="45"/>
      <c r="C83" s="32"/>
      <c r="D83" s="61"/>
      <c r="E83" s="46"/>
      <c r="F83" s="61"/>
      <c r="G83" s="55"/>
      <c r="H83" s="12"/>
    </row>
    <row r="84" spans="1:8" ht="12.95" customHeight="1">
      <c r="A84" s="78"/>
      <c r="B84" s="40"/>
      <c r="C84" s="25"/>
      <c r="D84" s="52"/>
      <c r="E84" s="44"/>
      <c r="F84" s="52"/>
      <c r="G84" s="53"/>
      <c r="H84" s="5"/>
    </row>
    <row r="85" spans="1:8" ht="12.95" customHeight="1">
      <c r="A85" s="78"/>
      <c r="B85" s="42"/>
      <c r="C85" s="28"/>
      <c r="D85" s="60"/>
      <c r="E85" s="43"/>
      <c r="F85" s="60"/>
      <c r="G85" s="54"/>
      <c r="H85" s="8"/>
    </row>
    <row r="86" spans="1:8" ht="12.95" customHeight="1">
      <c r="A86" s="78"/>
      <c r="B86" s="45"/>
      <c r="C86" s="32"/>
      <c r="D86" s="61"/>
      <c r="E86" s="46"/>
      <c r="F86" s="61"/>
      <c r="G86" s="55"/>
      <c r="H86" s="12"/>
    </row>
    <row r="87" spans="1:8" ht="12.95" customHeight="1">
      <c r="A87" s="78"/>
      <c r="B87" s="40"/>
      <c r="C87" s="25"/>
      <c r="D87" s="52"/>
      <c r="E87" s="44"/>
      <c r="F87" s="52"/>
      <c r="G87" s="53"/>
      <c r="H87" s="5"/>
    </row>
    <row r="88" spans="1:8" ht="12.95" customHeight="1">
      <c r="A88" s="78"/>
      <c r="B88" s="42"/>
      <c r="C88" s="28"/>
      <c r="D88" s="60"/>
      <c r="E88" s="43"/>
      <c r="F88" s="60"/>
      <c r="G88" s="54"/>
      <c r="H88" s="8"/>
    </row>
    <row r="89" spans="1:8" ht="12.95" customHeight="1">
      <c r="A89" s="78"/>
      <c r="B89" s="45"/>
      <c r="C89" s="32"/>
      <c r="D89" s="61"/>
      <c r="E89" s="46"/>
      <c r="F89" s="61"/>
      <c r="G89" s="55"/>
      <c r="H89" s="12"/>
    </row>
    <row r="90" spans="1:8" ht="12.95" customHeight="1">
      <c r="A90" s="78"/>
      <c r="B90" s="40"/>
      <c r="C90" s="25"/>
      <c r="D90" s="52"/>
      <c r="E90" s="44"/>
      <c r="F90" s="52"/>
      <c r="G90" s="53"/>
      <c r="H90" s="5"/>
    </row>
    <row r="91" spans="1:8" ht="12.95" customHeight="1">
      <c r="A91" s="78"/>
      <c r="B91" s="42"/>
      <c r="C91" s="28"/>
      <c r="D91" s="60"/>
      <c r="E91" s="43"/>
      <c r="F91" s="60"/>
      <c r="G91" s="54"/>
      <c r="H91" s="8"/>
    </row>
    <row r="92" spans="1:8" ht="12.95" customHeight="1">
      <c r="A92" s="78"/>
      <c r="B92" s="45"/>
      <c r="C92" s="32"/>
      <c r="D92" s="61"/>
      <c r="E92" s="46"/>
      <c r="F92" s="61"/>
      <c r="G92" s="55"/>
      <c r="H92" s="12"/>
    </row>
    <row r="93" spans="1:8" ht="12.95" customHeight="1">
      <c r="A93" s="78"/>
      <c r="B93" s="40"/>
      <c r="C93" s="25"/>
      <c r="D93" s="52"/>
      <c r="E93" s="44"/>
      <c r="F93" s="52"/>
      <c r="G93" s="53"/>
      <c r="H93" s="5"/>
    </row>
    <row r="94" spans="1:8" ht="12.95" customHeight="1">
      <c r="A94" s="78"/>
      <c r="B94" s="42"/>
      <c r="C94" s="28"/>
      <c r="D94" s="60"/>
      <c r="E94" s="43"/>
      <c r="F94" s="60"/>
      <c r="G94" s="54"/>
      <c r="H94" s="8"/>
    </row>
    <row r="95" spans="1:8" ht="12.95" customHeight="1">
      <c r="A95" s="78"/>
      <c r="B95" s="45"/>
      <c r="C95" s="32"/>
      <c r="D95" s="61"/>
      <c r="E95" s="46"/>
      <c r="F95" s="61"/>
      <c r="G95" s="55"/>
      <c r="H95" s="12"/>
    </row>
    <row r="96" spans="1:8" ht="12.95" customHeight="1">
      <c r="A96" s="78"/>
      <c r="B96" s="40"/>
      <c r="C96" s="25"/>
      <c r="D96" s="52"/>
      <c r="E96" s="44"/>
      <c r="F96" s="52"/>
      <c r="G96" s="53"/>
      <c r="H96" s="5"/>
    </row>
    <row r="97" spans="1:8" ht="12.95" customHeight="1">
      <c r="A97" s="78"/>
      <c r="B97" s="42"/>
      <c r="C97" s="28"/>
      <c r="D97" s="60"/>
      <c r="E97" s="43"/>
      <c r="F97" s="60"/>
      <c r="G97" s="54"/>
      <c r="H97" s="8"/>
    </row>
    <row r="98" spans="1:8" ht="12.95" customHeight="1">
      <c r="A98" s="78"/>
      <c r="B98" s="45"/>
      <c r="C98" s="32"/>
      <c r="D98" s="61"/>
      <c r="E98" s="46"/>
      <c r="F98" s="61"/>
      <c r="G98" s="55"/>
      <c r="H98" s="12"/>
    </row>
    <row r="99" spans="1:8" ht="12.95" customHeight="1">
      <c r="A99" s="78"/>
      <c r="B99" s="40"/>
      <c r="C99" s="25"/>
      <c r="D99" s="52"/>
      <c r="E99" s="44"/>
      <c r="F99" s="52"/>
      <c r="G99" s="53"/>
      <c r="H99" s="5"/>
    </row>
    <row r="100" spans="1:8" ht="12.95" customHeight="1">
      <c r="A100" s="78"/>
      <c r="B100" s="42"/>
      <c r="C100" s="28"/>
      <c r="D100" s="60"/>
      <c r="E100" s="43"/>
      <c r="F100" s="60"/>
      <c r="G100" s="54"/>
      <c r="H100" s="8"/>
    </row>
    <row r="101" spans="1:8" ht="12.95" customHeight="1">
      <c r="A101" s="78"/>
      <c r="B101" s="45"/>
      <c r="C101" s="32"/>
      <c r="D101" s="61"/>
      <c r="E101" s="46"/>
      <c r="F101" s="61"/>
      <c r="G101" s="55"/>
      <c r="H101" s="12"/>
    </row>
    <row r="102" spans="1:8" ht="12.95" customHeight="1">
      <c r="A102" s="78"/>
      <c r="B102" s="40"/>
      <c r="C102" s="25"/>
      <c r="D102" s="52"/>
      <c r="E102" s="44"/>
      <c r="F102" s="52"/>
      <c r="G102" s="53"/>
      <c r="H102" s="5"/>
    </row>
    <row r="103" spans="1:8" ht="12.95" customHeight="1">
      <c r="A103" s="78"/>
      <c r="B103" s="42"/>
      <c r="C103" s="28"/>
      <c r="D103" s="60"/>
      <c r="E103" s="43"/>
      <c r="F103" s="60"/>
      <c r="G103" s="54"/>
      <c r="H103" s="8"/>
    </row>
    <row r="104" spans="1:8" ht="12.95" customHeight="1">
      <c r="A104" s="78"/>
      <c r="B104" s="45"/>
      <c r="C104" s="32"/>
      <c r="D104" s="61"/>
      <c r="E104" s="47"/>
      <c r="F104" s="65"/>
      <c r="G104" s="55"/>
      <c r="H104" s="12"/>
    </row>
    <row r="105" spans="1:8" ht="12.95" customHeight="1">
      <c r="A105" s="78"/>
      <c r="B105" s="40"/>
      <c r="C105" s="25"/>
      <c r="D105" s="52"/>
      <c r="E105" s="44"/>
      <c r="F105" s="52"/>
      <c r="G105" s="53"/>
      <c r="H105" s="5"/>
    </row>
    <row r="106" spans="1:8" ht="12.95" customHeight="1">
      <c r="A106" s="78"/>
      <c r="B106" s="42"/>
      <c r="C106" s="28"/>
      <c r="D106" s="60"/>
      <c r="E106" s="43"/>
      <c r="F106" s="60"/>
      <c r="G106" s="54"/>
      <c r="H106" s="8"/>
    </row>
    <row r="107" spans="1:8" ht="12.95" customHeight="1">
      <c r="A107" s="78"/>
      <c r="B107" s="45"/>
      <c r="C107" s="32"/>
      <c r="D107" s="61"/>
      <c r="E107" s="46"/>
      <c r="F107" s="61"/>
      <c r="G107" s="55"/>
      <c r="H107" s="12"/>
    </row>
    <row r="108" spans="1:8" ht="12.95" customHeight="1">
      <c r="A108" s="78"/>
      <c r="B108" s="40"/>
      <c r="C108" s="25"/>
      <c r="D108" s="52"/>
      <c r="E108" s="44"/>
      <c r="F108" s="52"/>
      <c r="G108" s="53"/>
      <c r="H108" s="5"/>
    </row>
    <row r="109" spans="1:8" ht="12.95" customHeight="1">
      <c r="A109" s="78"/>
      <c r="B109" s="42"/>
      <c r="C109" s="28"/>
      <c r="D109" s="60"/>
      <c r="E109" s="43"/>
      <c r="F109" s="60"/>
      <c r="G109" s="54"/>
      <c r="H109" s="8"/>
    </row>
    <row r="110" spans="1:8" ht="12.95" customHeight="1">
      <c r="A110" s="78"/>
      <c r="B110" s="45"/>
      <c r="C110" s="32"/>
      <c r="D110" s="61"/>
      <c r="E110" s="46"/>
      <c r="F110" s="61"/>
      <c r="G110" s="55"/>
      <c r="H110" s="12"/>
    </row>
    <row r="111" spans="1:8" ht="12.95" customHeight="1">
      <c r="A111" s="78"/>
      <c r="B111" s="40"/>
      <c r="C111" s="25"/>
      <c r="D111" s="52"/>
      <c r="E111" s="44"/>
      <c r="F111" s="52"/>
      <c r="G111" s="53"/>
      <c r="H111" s="5"/>
    </row>
    <row r="112" spans="1:8" ht="12.95" customHeight="1">
      <c r="A112" s="78"/>
      <c r="B112" s="42"/>
      <c r="C112" s="28"/>
      <c r="D112" s="60"/>
      <c r="E112" s="43"/>
      <c r="F112" s="60"/>
      <c r="G112" s="54"/>
      <c r="H112" s="8"/>
    </row>
    <row r="113" spans="1:8" ht="12.95" customHeight="1">
      <c r="A113" s="78"/>
      <c r="B113" s="45"/>
      <c r="C113" s="32"/>
      <c r="D113" s="61"/>
      <c r="E113" s="46"/>
      <c r="F113" s="61"/>
      <c r="G113" s="55"/>
      <c r="H113" s="12"/>
    </row>
    <row r="114" spans="1:8" ht="12.95" customHeight="1">
      <c r="A114" s="78"/>
      <c r="B114" s="40"/>
      <c r="C114" s="25"/>
      <c r="D114" s="52"/>
      <c r="E114" s="41"/>
      <c r="F114" s="64"/>
      <c r="G114" s="53"/>
      <c r="H114" s="5"/>
    </row>
    <row r="115" spans="1:8" ht="12.95" customHeight="1">
      <c r="A115" s="78"/>
      <c r="B115" s="42"/>
      <c r="C115" s="28"/>
      <c r="D115" s="60"/>
      <c r="E115" s="43"/>
      <c r="F115" s="60"/>
      <c r="G115" s="54"/>
      <c r="H115" s="8"/>
    </row>
    <row r="116" spans="1:8" ht="12.95" customHeight="1">
      <c r="A116" s="78"/>
      <c r="B116" s="45"/>
      <c r="C116" s="32"/>
      <c r="D116" s="61"/>
      <c r="E116" s="46"/>
      <c r="F116" s="61"/>
      <c r="G116" s="55"/>
      <c r="H116" s="12"/>
    </row>
    <row r="117" spans="1:8" ht="12.95" customHeight="1">
      <c r="A117" s="78"/>
      <c r="B117" s="40"/>
      <c r="C117" s="25"/>
      <c r="D117" s="52"/>
      <c r="E117" s="44"/>
      <c r="F117" s="52"/>
      <c r="G117" s="53"/>
      <c r="H117" s="5"/>
    </row>
    <row r="118" spans="1:8" ht="12.95" customHeight="1">
      <c r="A118" s="78"/>
      <c r="B118" s="42"/>
      <c r="C118" s="28"/>
      <c r="D118" s="60"/>
      <c r="E118" s="43"/>
      <c r="F118" s="60"/>
      <c r="G118" s="54"/>
      <c r="H118" s="8"/>
    </row>
    <row r="119" spans="1:8" ht="12.95" customHeight="1">
      <c r="A119" s="78"/>
      <c r="B119" s="45"/>
      <c r="C119" s="32"/>
      <c r="D119" s="61"/>
      <c r="E119" s="46"/>
      <c r="F119" s="61"/>
      <c r="G119" s="55"/>
      <c r="H119" s="12"/>
    </row>
    <row r="120" spans="1:8" ht="12.95" customHeight="1">
      <c r="A120" s="78"/>
      <c r="B120" s="40"/>
      <c r="C120" s="25"/>
      <c r="D120" s="52"/>
      <c r="E120" s="44"/>
      <c r="F120" s="52"/>
      <c r="G120" s="53"/>
      <c r="H120" s="5"/>
    </row>
    <row r="121" spans="1:8" ht="12.95" customHeight="1">
      <c r="A121" s="78"/>
      <c r="B121" s="42"/>
      <c r="C121" s="28"/>
      <c r="D121" s="60"/>
      <c r="E121" s="43"/>
      <c r="F121" s="60"/>
      <c r="G121" s="54"/>
      <c r="H121" s="8"/>
    </row>
    <row r="122" spans="1:8" ht="12.95" customHeight="1">
      <c r="A122" s="78"/>
      <c r="B122" s="45"/>
      <c r="C122" s="32"/>
      <c r="D122" s="61"/>
      <c r="E122" s="46"/>
      <c r="F122" s="61"/>
      <c r="G122" s="55"/>
      <c r="H122" s="12"/>
    </row>
    <row r="123" spans="1:8" ht="12.95" customHeight="1">
      <c r="A123" s="78"/>
      <c r="B123" s="40"/>
      <c r="C123" s="25"/>
      <c r="D123" s="52"/>
      <c r="E123" s="44"/>
      <c r="F123" s="52"/>
      <c r="G123" s="53"/>
      <c r="H123" s="5"/>
    </row>
    <row r="124" spans="1:8" ht="12.95" customHeight="1">
      <c r="A124" s="78"/>
      <c r="B124" s="42"/>
      <c r="C124" s="28"/>
      <c r="D124" s="60"/>
      <c r="E124" s="48"/>
      <c r="F124" s="66"/>
      <c r="G124" s="54"/>
      <c r="H124" s="8"/>
    </row>
    <row r="125" spans="1:8" ht="12.95" customHeight="1">
      <c r="A125" s="78"/>
      <c r="B125" s="45"/>
      <c r="C125" s="32"/>
      <c r="D125" s="61"/>
      <c r="E125" s="46"/>
      <c r="F125" s="61"/>
      <c r="G125" s="55"/>
      <c r="H125" s="12"/>
    </row>
    <row r="126" spans="1:8" ht="12.95" customHeight="1">
      <c r="A126" s="78"/>
      <c r="B126" s="40"/>
      <c r="C126" s="25"/>
      <c r="D126" s="62"/>
      <c r="E126" s="44"/>
      <c r="F126" s="62"/>
      <c r="G126" s="53"/>
      <c r="H126" s="5"/>
    </row>
    <row r="127" spans="1:8" ht="12.95" customHeight="1">
      <c r="A127" s="78"/>
      <c r="B127" s="50"/>
      <c r="C127" s="38"/>
      <c r="D127" s="63"/>
      <c r="E127" s="51"/>
      <c r="F127" s="63"/>
      <c r="G127" s="57"/>
      <c r="H127" s="18"/>
    </row>
    <row r="128" spans="1:8" ht="0.95" customHeight="1">
      <c r="B128" s="19"/>
      <c r="C128" s="19"/>
      <c r="D128" s="19"/>
      <c r="E128" s="19"/>
      <c r="F128" s="67"/>
      <c r="G128" s="19"/>
      <c r="H128" s="19"/>
    </row>
    <row r="129" spans="1:8" s="1" customFormat="1" ht="18" customHeight="1">
      <c r="B129" s="79" t="s">
        <v>690</v>
      </c>
      <c r="C129" s="79"/>
      <c r="D129" s="79"/>
      <c r="E129" s="79"/>
      <c r="F129" s="79"/>
      <c r="G129" s="79"/>
      <c r="H129" s="80"/>
    </row>
    <row r="130" spans="1:8" ht="21" customHeight="1">
      <c r="A130" s="78"/>
      <c r="B130" s="207" t="s">
        <v>652</v>
      </c>
      <c r="C130" s="208"/>
      <c r="D130" s="208" t="s">
        <v>701</v>
      </c>
      <c r="E130" s="208"/>
      <c r="F130" s="208"/>
      <c r="G130" s="208"/>
      <c r="H130" s="209"/>
    </row>
    <row r="131" spans="1:8" ht="21" customHeight="1">
      <c r="A131" s="78"/>
      <c r="B131" s="105" t="s">
        <v>87</v>
      </c>
      <c r="C131" s="106" t="s">
        <v>88</v>
      </c>
      <c r="D131" s="106" t="s">
        <v>56</v>
      </c>
      <c r="E131" s="106" t="s">
        <v>2</v>
      </c>
      <c r="F131" s="106" t="s">
        <v>89</v>
      </c>
      <c r="G131" s="106" t="s">
        <v>58</v>
      </c>
      <c r="H131" s="107" t="s">
        <v>5</v>
      </c>
    </row>
    <row r="132" spans="1:8" ht="12.95" customHeight="1">
      <c r="A132" s="78" t="s">
        <v>7</v>
      </c>
      <c r="B132" s="108" t="s">
        <v>698</v>
      </c>
      <c r="C132" s="98" t="s">
        <v>7</v>
      </c>
      <c r="D132" s="52" t="s">
        <v>7</v>
      </c>
      <c r="E132" s="113" t="s">
        <v>7</v>
      </c>
      <c r="F132" s="124" t="s">
        <v>7</v>
      </c>
      <c r="G132" s="53"/>
      <c r="H132" s="90"/>
    </row>
    <row r="133" spans="1:8" ht="12.95" customHeight="1">
      <c r="A133" s="78" t="s">
        <v>7</v>
      </c>
      <c r="B133" s="108" t="s">
        <v>7</v>
      </c>
      <c r="C133" s="98" t="s">
        <v>7</v>
      </c>
      <c r="D133" s="52" t="s">
        <v>10</v>
      </c>
      <c r="E133" s="113" t="s">
        <v>7</v>
      </c>
      <c r="F133" s="52" t="s">
        <v>7</v>
      </c>
      <c r="G133" s="53"/>
      <c r="H133" s="90"/>
    </row>
    <row r="134" spans="1:8" ht="12.95" customHeight="1">
      <c r="A134" s="78" t="s">
        <v>7</v>
      </c>
      <c r="B134" s="109" t="s">
        <v>7</v>
      </c>
      <c r="C134" s="100" t="s">
        <v>7</v>
      </c>
      <c r="D134" s="60" t="s">
        <v>7</v>
      </c>
      <c r="E134" s="112" t="s">
        <v>11</v>
      </c>
      <c r="F134" s="126" t="s">
        <v>7</v>
      </c>
      <c r="G134" s="54"/>
      <c r="H134" s="91"/>
    </row>
    <row r="135" spans="1:8" ht="12.95" customHeight="1">
      <c r="A135" s="78" t="s">
        <v>7</v>
      </c>
      <c r="B135" s="108" t="s">
        <v>65</v>
      </c>
      <c r="C135" s="98" t="s">
        <v>7</v>
      </c>
      <c r="D135" s="52" t="s">
        <v>7</v>
      </c>
      <c r="E135" s="113" t="s">
        <v>7</v>
      </c>
      <c r="F135" s="124" t="s">
        <v>7</v>
      </c>
      <c r="G135" s="53"/>
      <c r="H135" s="90"/>
    </row>
    <row r="136" spans="1:8" ht="12.95" customHeight="1">
      <c r="A136" s="78" t="s">
        <v>7</v>
      </c>
      <c r="B136" s="108" t="s">
        <v>7</v>
      </c>
      <c r="C136" s="98" t="s">
        <v>7</v>
      </c>
      <c r="D136" s="52" t="s">
        <v>10</v>
      </c>
      <c r="E136" s="113" t="s">
        <v>7</v>
      </c>
      <c r="F136" s="52" t="s">
        <v>7</v>
      </c>
      <c r="G136" s="53"/>
      <c r="H136" s="90"/>
    </row>
    <row r="137" spans="1:8" ht="12.95" customHeight="1">
      <c r="A137" s="78" t="s">
        <v>7</v>
      </c>
      <c r="B137" s="109" t="s">
        <v>7</v>
      </c>
      <c r="C137" s="100" t="s">
        <v>7</v>
      </c>
      <c r="D137" s="60" t="s">
        <v>7</v>
      </c>
      <c r="E137" s="112" t="s">
        <v>11</v>
      </c>
      <c r="F137" s="126" t="s">
        <v>7</v>
      </c>
      <c r="G137" s="54"/>
      <c r="H137" s="91"/>
    </row>
    <row r="138" spans="1:8" ht="12.95" customHeight="1">
      <c r="A138" s="78" t="s">
        <v>7</v>
      </c>
      <c r="B138" s="110" t="s">
        <v>14</v>
      </c>
      <c r="C138" s="98" t="s">
        <v>7</v>
      </c>
      <c r="D138" s="52" t="s">
        <v>7</v>
      </c>
      <c r="E138" s="113" t="s">
        <v>7</v>
      </c>
      <c r="F138" s="52" t="s">
        <v>7</v>
      </c>
      <c r="G138" s="53"/>
      <c r="H138" s="90"/>
    </row>
    <row r="139" spans="1:8" ht="12.95" customHeight="1">
      <c r="A139" s="78" t="s">
        <v>7</v>
      </c>
      <c r="B139" s="108" t="s">
        <v>7</v>
      </c>
      <c r="C139" s="98" t="s">
        <v>7</v>
      </c>
      <c r="D139" s="52" t="s">
        <v>7</v>
      </c>
      <c r="E139" s="113" t="s">
        <v>7</v>
      </c>
      <c r="F139" s="52" t="s">
        <v>7</v>
      </c>
      <c r="G139" s="53"/>
      <c r="H139" s="90"/>
    </row>
    <row r="140" spans="1:8" ht="12.95" customHeight="1">
      <c r="A140" s="78" t="s">
        <v>7</v>
      </c>
      <c r="B140" s="109" t="s">
        <v>7</v>
      </c>
      <c r="C140" s="100" t="s">
        <v>7</v>
      </c>
      <c r="D140" s="60" t="s">
        <v>7</v>
      </c>
      <c r="E140" s="112" t="s">
        <v>7</v>
      </c>
      <c r="F140" s="60" t="s">
        <v>7</v>
      </c>
      <c r="G140" s="54"/>
      <c r="H140" s="91"/>
    </row>
    <row r="141" spans="1:8" ht="12.95" customHeight="1">
      <c r="A141" s="78"/>
      <c r="B141" s="45"/>
      <c r="C141" s="32"/>
      <c r="D141" s="61"/>
      <c r="E141" s="46"/>
      <c r="F141" s="61"/>
      <c r="G141" s="55"/>
      <c r="H141" s="12"/>
    </row>
    <row r="142" spans="1:8" ht="12.95" customHeight="1">
      <c r="A142" s="78"/>
      <c r="B142" s="40"/>
      <c r="C142" s="25"/>
      <c r="D142" s="52"/>
      <c r="E142" s="44"/>
      <c r="F142" s="52"/>
      <c r="G142" s="53"/>
      <c r="H142" s="5"/>
    </row>
    <row r="143" spans="1:8" ht="12.95" customHeight="1">
      <c r="A143" s="78"/>
      <c r="B143" s="42"/>
      <c r="C143" s="28"/>
      <c r="D143" s="60"/>
      <c r="E143" s="43"/>
      <c r="F143" s="60"/>
      <c r="G143" s="54"/>
      <c r="H143" s="8"/>
    </row>
    <row r="144" spans="1:8" ht="12.95" customHeight="1">
      <c r="A144" s="78"/>
      <c r="B144" s="45"/>
      <c r="C144" s="32"/>
      <c r="D144" s="61"/>
      <c r="E144" s="46"/>
      <c r="F144" s="61"/>
      <c r="G144" s="55"/>
      <c r="H144" s="12"/>
    </row>
    <row r="145" spans="1:8" ht="12.95" customHeight="1">
      <c r="A145" s="78"/>
      <c r="B145" s="40"/>
      <c r="C145" s="25"/>
      <c r="D145" s="52"/>
      <c r="E145" s="44"/>
      <c r="F145" s="52"/>
      <c r="G145" s="53"/>
      <c r="H145" s="5"/>
    </row>
    <row r="146" spans="1:8" ht="12.95" customHeight="1">
      <c r="A146" s="78"/>
      <c r="B146" s="42"/>
      <c r="C146" s="28"/>
      <c r="D146" s="60"/>
      <c r="E146" s="43"/>
      <c r="F146" s="60"/>
      <c r="G146" s="54"/>
      <c r="H146" s="8"/>
    </row>
    <row r="147" spans="1:8" ht="12.95" customHeight="1">
      <c r="A147" s="78"/>
      <c r="B147" s="45"/>
      <c r="C147" s="32"/>
      <c r="D147" s="61"/>
      <c r="E147" s="46"/>
      <c r="F147" s="61"/>
      <c r="G147" s="55"/>
      <c r="H147" s="12"/>
    </row>
    <row r="148" spans="1:8" ht="12.95" customHeight="1">
      <c r="A148" s="78"/>
      <c r="B148" s="40"/>
      <c r="C148" s="25"/>
      <c r="D148" s="52"/>
      <c r="E148" s="44"/>
      <c r="F148" s="52"/>
      <c r="G148" s="53"/>
      <c r="H148" s="5"/>
    </row>
    <row r="149" spans="1:8" ht="12.95" customHeight="1">
      <c r="A149" s="78"/>
      <c r="B149" s="42"/>
      <c r="C149" s="28"/>
      <c r="D149" s="60"/>
      <c r="E149" s="43"/>
      <c r="F149" s="60"/>
      <c r="G149" s="54"/>
      <c r="H149" s="8"/>
    </row>
    <row r="150" spans="1:8" ht="12.95" customHeight="1">
      <c r="A150" s="78"/>
      <c r="B150" s="45"/>
      <c r="C150" s="32"/>
      <c r="D150" s="61"/>
      <c r="E150" s="46"/>
      <c r="F150" s="61"/>
      <c r="G150" s="55"/>
      <c r="H150" s="12"/>
    </row>
    <row r="151" spans="1:8" ht="12.95" customHeight="1">
      <c r="A151" s="78"/>
      <c r="B151" s="40"/>
      <c r="C151" s="25"/>
      <c r="D151" s="52"/>
      <c r="E151" s="44"/>
      <c r="F151" s="52"/>
      <c r="G151" s="53"/>
      <c r="H151" s="5"/>
    </row>
    <row r="152" spans="1:8" ht="12.95" customHeight="1">
      <c r="A152" s="78"/>
      <c r="B152" s="42"/>
      <c r="C152" s="28"/>
      <c r="D152" s="60"/>
      <c r="E152" s="43"/>
      <c r="F152" s="60"/>
      <c r="G152" s="54"/>
      <c r="H152" s="8"/>
    </row>
    <row r="153" spans="1:8" ht="12.95" customHeight="1">
      <c r="A153" s="78"/>
      <c r="B153" s="45"/>
      <c r="C153" s="32"/>
      <c r="D153" s="61"/>
      <c r="E153" s="46"/>
      <c r="F153" s="61"/>
      <c r="G153" s="55"/>
      <c r="H153" s="12"/>
    </row>
    <row r="154" spans="1:8" ht="12.95" customHeight="1">
      <c r="A154" s="78"/>
      <c r="B154" s="40"/>
      <c r="C154" s="25"/>
      <c r="D154" s="52"/>
      <c r="E154" s="44"/>
      <c r="F154" s="52"/>
      <c r="G154" s="53"/>
      <c r="H154" s="5"/>
    </row>
    <row r="155" spans="1:8" ht="12.95" customHeight="1">
      <c r="A155" s="78"/>
      <c r="B155" s="42"/>
      <c r="C155" s="28"/>
      <c r="D155" s="60"/>
      <c r="E155" s="43"/>
      <c r="F155" s="60"/>
      <c r="G155" s="54"/>
      <c r="H155" s="8"/>
    </row>
    <row r="156" spans="1:8" ht="12.95" customHeight="1">
      <c r="A156" s="78"/>
      <c r="B156" s="45"/>
      <c r="C156" s="32"/>
      <c r="D156" s="61"/>
      <c r="E156" s="46"/>
      <c r="F156" s="61"/>
      <c r="G156" s="55"/>
      <c r="H156" s="12"/>
    </row>
    <row r="157" spans="1:8" ht="12.95" customHeight="1">
      <c r="A157" s="78"/>
      <c r="B157" s="40"/>
      <c r="C157" s="25"/>
      <c r="D157" s="52"/>
      <c r="E157" s="44"/>
      <c r="F157" s="52"/>
      <c r="G157" s="53"/>
      <c r="H157" s="5"/>
    </row>
    <row r="158" spans="1:8" ht="12.95" customHeight="1">
      <c r="A158" s="78"/>
      <c r="B158" s="42"/>
      <c r="C158" s="28"/>
      <c r="D158" s="60"/>
      <c r="E158" s="43"/>
      <c r="F158" s="60"/>
      <c r="G158" s="54"/>
      <c r="H158" s="8"/>
    </row>
    <row r="159" spans="1:8" ht="12.95" customHeight="1">
      <c r="A159" s="78"/>
      <c r="B159" s="45"/>
      <c r="C159" s="32"/>
      <c r="D159" s="61"/>
      <c r="E159" s="46"/>
      <c r="F159" s="61"/>
      <c r="G159" s="55"/>
      <c r="H159" s="12"/>
    </row>
    <row r="160" spans="1:8" ht="12.95" customHeight="1">
      <c r="A160" s="78"/>
      <c r="B160" s="40"/>
      <c r="C160" s="25"/>
      <c r="D160" s="52"/>
      <c r="E160" s="44"/>
      <c r="F160" s="52"/>
      <c r="G160" s="53"/>
      <c r="H160" s="5"/>
    </row>
    <row r="161" spans="1:8" ht="12.95" customHeight="1">
      <c r="A161" s="78"/>
      <c r="B161" s="42"/>
      <c r="C161" s="28"/>
      <c r="D161" s="60"/>
      <c r="E161" s="43"/>
      <c r="F161" s="60"/>
      <c r="G161" s="54"/>
      <c r="H161" s="8"/>
    </row>
    <row r="162" spans="1:8" ht="12.95" customHeight="1">
      <c r="A162" s="78"/>
      <c r="B162" s="45"/>
      <c r="C162" s="32"/>
      <c r="D162" s="61"/>
      <c r="E162" s="46"/>
      <c r="F162" s="61"/>
      <c r="G162" s="55"/>
      <c r="H162" s="12"/>
    </row>
    <row r="163" spans="1:8" ht="12.95" customHeight="1">
      <c r="A163" s="78"/>
      <c r="B163" s="40"/>
      <c r="C163" s="25"/>
      <c r="D163" s="52"/>
      <c r="E163" s="44"/>
      <c r="F163" s="52"/>
      <c r="G163" s="53"/>
      <c r="H163" s="5"/>
    </row>
    <row r="164" spans="1:8" ht="12.95" customHeight="1">
      <c r="A164" s="78"/>
      <c r="B164" s="42"/>
      <c r="C164" s="28"/>
      <c r="D164" s="60"/>
      <c r="E164" s="43"/>
      <c r="F164" s="60"/>
      <c r="G164" s="54"/>
      <c r="H164" s="8"/>
    </row>
    <row r="165" spans="1:8" ht="12.95" customHeight="1">
      <c r="A165" s="78"/>
      <c r="B165" s="45"/>
      <c r="C165" s="32"/>
      <c r="D165" s="61"/>
      <c r="E165" s="46"/>
      <c r="F165" s="61"/>
      <c r="G165" s="55"/>
      <c r="H165" s="12"/>
    </row>
    <row r="166" spans="1:8" ht="12.95" customHeight="1">
      <c r="A166" s="78"/>
      <c r="B166" s="40"/>
      <c r="C166" s="25"/>
      <c r="D166" s="52"/>
      <c r="E166" s="44"/>
      <c r="F166" s="52"/>
      <c r="G166" s="53"/>
      <c r="H166" s="5"/>
    </row>
    <row r="167" spans="1:8" ht="12.95" customHeight="1">
      <c r="A167" s="78"/>
      <c r="B167" s="42"/>
      <c r="C167" s="28"/>
      <c r="D167" s="60"/>
      <c r="E167" s="43"/>
      <c r="F167" s="60"/>
      <c r="G167" s="54"/>
      <c r="H167" s="8"/>
    </row>
    <row r="168" spans="1:8" ht="12.95" customHeight="1">
      <c r="A168" s="78"/>
      <c r="B168" s="45"/>
      <c r="C168" s="32"/>
      <c r="D168" s="61"/>
      <c r="E168" s="47"/>
      <c r="F168" s="65"/>
      <c r="G168" s="55"/>
      <c r="H168" s="12"/>
    </row>
    <row r="169" spans="1:8" ht="12.95" customHeight="1">
      <c r="A169" s="78"/>
      <c r="B169" s="40"/>
      <c r="C169" s="25"/>
      <c r="D169" s="52"/>
      <c r="E169" s="44"/>
      <c r="F169" s="52"/>
      <c r="G169" s="53"/>
      <c r="H169" s="5"/>
    </row>
    <row r="170" spans="1:8" ht="12.95" customHeight="1">
      <c r="A170" s="78"/>
      <c r="B170" s="42"/>
      <c r="C170" s="28"/>
      <c r="D170" s="60"/>
      <c r="E170" s="43"/>
      <c r="F170" s="60"/>
      <c r="G170" s="54"/>
      <c r="H170" s="8"/>
    </row>
    <row r="171" spans="1:8" ht="12.95" customHeight="1">
      <c r="A171" s="78"/>
      <c r="B171" s="45"/>
      <c r="C171" s="32"/>
      <c r="D171" s="61"/>
      <c r="E171" s="46"/>
      <c r="F171" s="61"/>
      <c r="G171" s="55"/>
      <c r="H171" s="12"/>
    </row>
    <row r="172" spans="1:8" ht="12.95" customHeight="1">
      <c r="A172" s="78"/>
      <c r="B172" s="40"/>
      <c r="C172" s="25"/>
      <c r="D172" s="52"/>
      <c r="E172" s="44"/>
      <c r="F172" s="52"/>
      <c r="G172" s="53"/>
      <c r="H172" s="5"/>
    </row>
    <row r="173" spans="1:8" ht="12.95" customHeight="1">
      <c r="A173" s="78"/>
      <c r="B173" s="42"/>
      <c r="C173" s="28"/>
      <c r="D173" s="60"/>
      <c r="E173" s="43"/>
      <c r="F173" s="60"/>
      <c r="G173" s="54"/>
      <c r="H173" s="8"/>
    </row>
    <row r="174" spans="1:8" ht="12.95" customHeight="1">
      <c r="A174" s="78"/>
      <c r="B174" s="45"/>
      <c r="C174" s="32"/>
      <c r="D174" s="61"/>
      <c r="E174" s="46"/>
      <c r="F174" s="61"/>
      <c r="G174" s="55"/>
      <c r="H174" s="12"/>
    </row>
    <row r="175" spans="1:8" ht="12.95" customHeight="1">
      <c r="A175" s="78"/>
      <c r="B175" s="40"/>
      <c r="C175" s="25"/>
      <c r="D175" s="52"/>
      <c r="E175" s="44"/>
      <c r="F175" s="52"/>
      <c r="G175" s="53"/>
      <c r="H175" s="5"/>
    </row>
    <row r="176" spans="1:8" ht="12.95" customHeight="1">
      <c r="A176" s="78"/>
      <c r="B176" s="42"/>
      <c r="C176" s="28"/>
      <c r="D176" s="60"/>
      <c r="E176" s="43"/>
      <c r="F176" s="60"/>
      <c r="G176" s="54"/>
      <c r="H176" s="8"/>
    </row>
    <row r="177" spans="1:8" ht="12.95" customHeight="1">
      <c r="A177" s="78"/>
      <c r="B177" s="45"/>
      <c r="C177" s="32"/>
      <c r="D177" s="61"/>
      <c r="E177" s="46"/>
      <c r="F177" s="61"/>
      <c r="G177" s="55"/>
      <c r="H177" s="12"/>
    </row>
    <row r="178" spans="1:8" ht="12.95" customHeight="1">
      <c r="A178" s="78"/>
      <c r="B178" s="40"/>
      <c r="C178" s="25"/>
      <c r="D178" s="52"/>
      <c r="E178" s="41"/>
      <c r="F178" s="64"/>
      <c r="G178" s="53"/>
      <c r="H178" s="5"/>
    </row>
    <row r="179" spans="1:8" ht="12.95" customHeight="1">
      <c r="A179" s="78"/>
      <c r="B179" s="42"/>
      <c r="C179" s="28"/>
      <c r="D179" s="60"/>
      <c r="E179" s="43"/>
      <c r="F179" s="60"/>
      <c r="G179" s="54"/>
      <c r="H179" s="8"/>
    </row>
    <row r="180" spans="1:8" ht="12.95" customHeight="1">
      <c r="A180" s="78"/>
      <c r="B180" s="45"/>
      <c r="C180" s="32"/>
      <c r="D180" s="61"/>
      <c r="E180" s="46"/>
      <c r="F180" s="61"/>
      <c r="G180" s="55"/>
      <c r="H180" s="12"/>
    </row>
    <row r="181" spans="1:8" ht="12.95" customHeight="1">
      <c r="A181" s="78"/>
      <c r="B181" s="40"/>
      <c r="C181" s="25"/>
      <c r="D181" s="52"/>
      <c r="E181" s="44"/>
      <c r="F181" s="52"/>
      <c r="G181" s="53"/>
      <c r="H181" s="5"/>
    </row>
    <row r="182" spans="1:8" ht="12.95" customHeight="1">
      <c r="A182" s="78"/>
      <c r="B182" s="42"/>
      <c r="C182" s="28"/>
      <c r="D182" s="60"/>
      <c r="E182" s="43"/>
      <c r="F182" s="60"/>
      <c r="G182" s="54"/>
      <c r="H182" s="8"/>
    </row>
    <row r="183" spans="1:8" ht="12.95" customHeight="1">
      <c r="A183" s="78"/>
      <c r="B183" s="45"/>
      <c r="C183" s="32"/>
      <c r="D183" s="61"/>
      <c r="E183" s="46"/>
      <c r="F183" s="61"/>
      <c r="G183" s="55"/>
      <c r="H183" s="12"/>
    </row>
    <row r="184" spans="1:8" ht="12.95" customHeight="1">
      <c r="A184" s="78"/>
      <c r="B184" s="40"/>
      <c r="C184" s="25"/>
      <c r="D184" s="52"/>
      <c r="E184" s="44"/>
      <c r="F184" s="52"/>
      <c r="G184" s="53"/>
      <c r="H184" s="5"/>
    </row>
    <row r="185" spans="1:8" ht="12.95" customHeight="1">
      <c r="A185" s="78"/>
      <c r="B185" s="42"/>
      <c r="C185" s="28"/>
      <c r="D185" s="60"/>
      <c r="E185" s="43"/>
      <c r="F185" s="60"/>
      <c r="G185" s="54"/>
      <c r="H185" s="8"/>
    </row>
    <row r="186" spans="1:8" ht="12.95" customHeight="1">
      <c r="A186" s="78"/>
      <c r="B186" s="45"/>
      <c r="C186" s="32"/>
      <c r="D186" s="61"/>
      <c r="E186" s="46"/>
      <c r="F186" s="61"/>
      <c r="G186" s="55"/>
      <c r="H186" s="12"/>
    </row>
    <row r="187" spans="1:8" ht="12.95" customHeight="1">
      <c r="A187" s="78"/>
      <c r="B187" s="40"/>
      <c r="C187" s="25"/>
      <c r="D187" s="52"/>
      <c r="E187" s="44"/>
      <c r="F187" s="52"/>
      <c r="G187" s="53"/>
      <c r="H187" s="5"/>
    </row>
    <row r="188" spans="1:8" ht="12.95" customHeight="1">
      <c r="A188" s="78"/>
      <c r="B188" s="42"/>
      <c r="C188" s="28"/>
      <c r="D188" s="60"/>
      <c r="E188" s="48"/>
      <c r="F188" s="66"/>
      <c r="G188" s="54"/>
      <c r="H188" s="8"/>
    </row>
    <row r="189" spans="1:8" ht="12.95" customHeight="1">
      <c r="A189" s="78"/>
      <c r="B189" s="45"/>
      <c r="C189" s="32"/>
      <c r="D189" s="61"/>
      <c r="E189" s="46"/>
      <c r="F189" s="61"/>
      <c r="G189" s="55"/>
      <c r="H189" s="12"/>
    </row>
    <row r="190" spans="1:8" ht="12.95" customHeight="1">
      <c r="A190" s="78"/>
      <c r="B190" s="40"/>
      <c r="C190" s="25"/>
      <c r="D190" s="62"/>
      <c r="E190" s="44"/>
      <c r="F190" s="62"/>
      <c r="G190" s="53"/>
      <c r="H190" s="5"/>
    </row>
    <row r="191" spans="1:8" ht="12.95" customHeight="1">
      <c r="A191" s="78"/>
      <c r="B191" s="50"/>
      <c r="C191" s="38"/>
      <c r="D191" s="63"/>
      <c r="E191" s="51"/>
      <c r="F191" s="63"/>
      <c r="G191" s="57"/>
      <c r="H191" s="18"/>
    </row>
    <row r="192" spans="1:8" ht="0.95" customHeight="1">
      <c r="B192" s="19"/>
      <c r="C192" s="19"/>
      <c r="D192" s="19"/>
      <c r="E192" s="19"/>
      <c r="F192" s="67"/>
      <c r="G192" s="19"/>
      <c r="H192" s="19"/>
    </row>
    <row r="193" spans="1:8" s="1" customFormat="1" ht="18" customHeight="1">
      <c r="B193" s="79" t="s">
        <v>690</v>
      </c>
      <c r="C193" s="79"/>
      <c r="D193" s="79"/>
      <c r="E193" s="79"/>
      <c r="F193" s="79"/>
      <c r="G193" s="79"/>
      <c r="H193" s="80"/>
    </row>
    <row r="194" spans="1:8" ht="21" customHeight="1">
      <c r="A194" s="78"/>
      <c r="B194" s="207" t="s">
        <v>652</v>
      </c>
      <c r="C194" s="208"/>
      <c r="D194" s="208" t="s">
        <v>702</v>
      </c>
      <c r="E194" s="208"/>
      <c r="F194" s="208"/>
      <c r="G194" s="208" t="s">
        <v>703</v>
      </c>
      <c r="H194" s="209"/>
    </row>
    <row r="195" spans="1:8" ht="21" customHeight="1">
      <c r="A195" s="78"/>
      <c r="B195" s="105" t="s">
        <v>87</v>
      </c>
      <c r="C195" s="106" t="s">
        <v>88</v>
      </c>
      <c r="D195" s="106" t="s">
        <v>56</v>
      </c>
      <c r="E195" s="106" t="s">
        <v>2</v>
      </c>
      <c r="F195" s="106" t="s">
        <v>89</v>
      </c>
      <c r="G195" s="106" t="s">
        <v>58</v>
      </c>
      <c r="H195" s="107" t="s">
        <v>5</v>
      </c>
    </row>
    <row r="196" spans="1:8" ht="12.95" customHeight="1">
      <c r="A196" s="78" t="s">
        <v>7</v>
      </c>
      <c r="B196" s="108" t="s">
        <v>695</v>
      </c>
      <c r="C196" s="98" t="s">
        <v>7</v>
      </c>
      <c r="D196" s="52" t="s">
        <v>7</v>
      </c>
      <c r="E196" s="113" t="s">
        <v>7</v>
      </c>
      <c r="F196" s="124" t="s">
        <v>7</v>
      </c>
      <c r="G196" s="53"/>
      <c r="H196" s="90"/>
    </row>
    <row r="197" spans="1:8" ht="12.95" customHeight="1">
      <c r="A197" s="78" t="s">
        <v>7</v>
      </c>
      <c r="B197" s="108" t="s">
        <v>7</v>
      </c>
      <c r="C197" s="98" t="s">
        <v>7</v>
      </c>
      <c r="D197" s="52" t="s">
        <v>10</v>
      </c>
      <c r="E197" s="113" t="s">
        <v>7</v>
      </c>
      <c r="F197" s="52" t="s">
        <v>7</v>
      </c>
      <c r="G197" s="53"/>
      <c r="H197" s="90"/>
    </row>
    <row r="198" spans="1:8" ht="12.95" customHeight="1">
      <c r="A198" s="78" t="s">
        <v>7</v>
      </c>
      <c r="B198" s="109" t="s">
        <v>7</v>
      </c>
      <c r="C198" s="100" t="s">
        <v>7</v>
      </c>
      <c r="D198" s="60" t="s">
        <v>7</v>
      </c>
      <c r="E198" s="112" t="s">
        <v>11</v>
      </c>
      <c r="F198" s="126" t="s">
        <v>7</v>
      </c>
      <c r="G198" s="54"/>
      <c r="H198" s="91"/>
    </row>
    <row r="199" spans="1:8" ht="12.95" customHeight="1">
      <c r="A199" s="78" t="s">
        <v>7</v>
      </c>
      <c r="B199" s="108" t="s">
        <v>698</v>
      </c>
      <c r="C199" s="98" t="s">
        <v>7</v>
      </c>
      <c r="D199" s="52" t="s">
        <v>7</v>
      </c>
      <c r="E199" s="113" t="s">
        <v>7</v>
      </c>
      <c r="F199" s="124" t="s">
        <v>7</v>
      </c>
      <c r="G199" s="53"/>
      <c r="H199" s="90"/>
    </row>
    <row r="200" spans="1:8" ht="12.95" customHeight="1">
      <c r="A200" s="78" t="s">
        <v>7</v>
      </c>
      <c r="B200" s="108" t="s">
        <v>7</v>
      </c>
      <c r="C200" s="98" t="s">
        <v>7</v>
      </c>
      <c r="D200" s="52" t="s">
        <v>10</v>
      </c>
      <c r="E200" s="113" t="s">
        <v>7</v>
      </c>
      <c r="F200" s="52" t="s">
        <v>7</v>
      </c>
      <c r="G200" s="53"/>
      <c r="H200" s="90"/>
    </row>
    <row r="201" spans="1:8" ht="12.95" customHeight="1">
      <c r="A201" s="78" t="s">
        <v>7</v>
      </c>
      <c r="B201" s="109" t="s">
        <v>7</v>
      </c>
      <c r="C201" s="100" t="s">
        <v>7</v>
      </c>
      <c r="D201" s="60" t="s">
        <v>7</v>
      </c>
      <c r="E201" s="112" t="s">
        <v>11</v>
      </c>
      <c r="F201" s="126" t="s">
        <v>7</v>
      </c>
      <c r="G201" s="54"/>
      <c r="H201" s="91"/>
    </row>
    <row r="202" spans="1:8" ht="12.95" customHeight="1">
      <c r="A202" s="78" t="s">
        <v>7</v>
      </c>
      <c r="B202" s="108" t="s">
        <v>65</v>
      </c>
      <c r="C202" s="98" t="s">
        <v>7</v>
      </c>
      <c r="D202" s="52" t="s">
        <v>7</v>
      </c>
      <c r="E202" s="113" t="s">
        <v>7</v>
      </c>
      <c r="F202" s="124" t="s">
        <v>7</v>
      </c>
      <c r="G202" s="53"/>
      <c r="H202" s="90"/>
    </row>
    <row r="203" spans="1:8" ht="12.95" customHeight="1">
      <c r="A203" s="78" t="s">
        <v>7</v>
      </c>
      <c r="B203" s="108" t="s">
        <v>7</v>
      </c>
      <c r="C203" s="98" t="s">
        <v>7</v>
      </c>
      <c r="D203" s="52" t="s">
        <v>10</v>
      </c>
      <c r="E203" s="113" t="s">
        <v>7</v>
      </c>
      <c r="F203" s="52" t="s">
        <v>7</v>
      </c>
      <c r="G203" s="53"/>
      <c r="H203" s="90"/>
    </row>
    <row r="204" spans="1:8" ht="12.95" customHeight="1">
      <c r="A204" s="78" t="s">
        <v>7</v>
      </c>
      <c r="B204" s="109" t="s">
        <v>7</v>
      </c>
      <c r="C204" s="100" t="s">
        <v>7</v>
      </c>
      <c r="D204" s="60" t="s">
        <v>7</v>
      </c>
      <c r="E204" s="112" t="s">
        <v>11</v>
      </c>
      <c r="F204" s="126" t="s">
        <v>7</v>
      </c>
      <c r="G204" s="54"/>
      <c r="H204" s="91"/>
    </row>
    <row r="205" spans="1:8" ht="12.95" customHeight="1">
      <c r="A205" s="78" t="s">
        <v>7</v>
      </c>
      <c r="B205" s="110" t="s">
        <v>14</v>
      </c>
      <c r="C205" s="98" t="s">
        <v>7</v>
      </c>
      <c r="D205" s="52" t="s">
        <v>7</v>
      </c>
      <c r="E205" s="113" t="s">
        <v>7</v>
      </c>
      <c r="F205" s="52" t="s">
        <v>7</v>
      </c>
      <c r="G205" s="53"/>
      <c r="H205" s="90"/>
    </row>
    <row r="206" spans="1:8" ht="12.95" customHeight="1">
      <c r="A206" s="78" t="s">
        <v>7</v>
      </c>
      <c r="B206" s="108" t="s">
        <v>7</v>
      </c>
      <c r="C206" s="98" t="s">
        <v>7</v>
      </c>
      <c r="D206" s="52" t="s">
        <v>7</v>
      </c>
      <c r="E206" s="113" t="s">
        <v>7</v>
      </c>
      <c r="F206" s="52" t="s">
        <v>7</v>
      </c>
      <c r="G206" s="53"/>
      <c r="H206" s="90"/>
    </row>
    <row r="207" spans="1:8" ht="12.95" customHeight="1">
      <c r="A207" s="78" t="s">
        <v>7</v>
      </c>
      <c r="B207" s="109" t="s">
        <v>7</v>
      </c>
      <c r="C207" s="100" t="s">
        <v>7</v>
      </c>
      <c r="D207" s="60" t="s">
        <v>7</v>
      </c>
      <c r="E207" s="112" t="s">
        <v>7</v>
      </c>
      <c r="F207" s="60" t="s">
        <v>7</v>
      </c>
      <c r="G207" s="54" t="s">
        <v>7</v>
      </c>
      <c r="H207" s="91" t="s">
        <v>7</v>
      </c>
    </row>
    <row r="208" spans="1:8" ht="12.95" customHeight="1">
      <c r="A208" s="78"/>
      <c r="B208" s="45"/>
      <c r="C208" s="32"/>
      <c r="D208" s="61"/>
      <c r="E208" s="46"/>
      <c r="F208" s="61"/>
      <c r="G208" s="55"/>
      <c r="H208" s="12"/>
    </row>
    <row r="209" spans="1:8" ht="12.95" customHeight="1">
      <c r="A209" s="78"/>
      <c r="B209" s="40"/>
      <c r="C209" s="25"/>
      <c r="D209" s="52"/>
      <c r="E209" s="44"/>
      <c r="F209" s="52"/>
      <c r="G209" s="53"/>
      <c r="H209" s="5"/>
    </row>
    <row r="210" spans="1:8" ht="12.95" customHeight="1">
      <c r="A210" s="78"/>
      <c r="B210" s="42"/>
      <c r="C210" s="28"/>
      <c r="D210" s="60"/>
      <c r="E210" s="43"/>
      <c r="F210" s="60"/>
      <c r="G210" s="54"/>
      <c r="H210" s="8"/>
    </row>
    <row r="211" spans="1:8" ht="12.95" customHeight="1">
      <c r="A211" s="78"/>
      <c r="B211" s="45"/>
      <c r="C211" s="32"/>
      <c r="D211" s="61"/>
      <c r="E211" s="46"/>
      <c r="F211" s="61"/>
      <c r="G211" s="55"/>
      <c r="H211" s="12"/>
    </row>
    <row r="212" spans="1:8" ht="12.95" customHeight="1">
      <c r="A212" s="78"/>
      <c r="B212" s="40"/>
      <c r="C212" s="25"/>
      <c r="D212" s="52"/>
      <c r="E212" s="44"/>
      <c r="F212" s="52"/>
      <c r="G212" s="53"/>
      <c r="H212" s="5"/>
    </row>
    <row r="213" spans="1:8" ht="12.95" customHeight="1">
      <c r="A213" s="78"/>
      <c r="B213" s="42"/>
      <c r="C213" s="28"/>
      <c r="D213" s="60"/>
      <c r="E213" s="43"/>
      <c r="F213" s="60"/>
      <c r="G213" s="54"/>
      <c r="H213" s="8"/>
    </row>
    <row r="214" spans="1:8" ht="12.95" customHeight="1">
      <c r="A214" s="78"/>
      <c r="B214" s="45"/>
      <c r="C214" s="32"/>
      <c r="D214" s="61"/>
      <c r="E214" s="46"/>
      <c r="F214" s="61"/>
      <c r="G214" s="55"/>
      <c r="H214" s="12"/>
    </row>
    <row r="215" spans="1:8" ht="12.95" customHeight="1">
      <c r="A215" s="78"/>
      <c r="B215" s="40"/>
      <c r="C215" s="25"/>
      <c r="D215" s="52"/>
      <c r="E215" s="44"/>
      <c r="F215" s="52"/>
      <c r="G215" s="53"/>
      <c r="H215" s="5"/>
    </row>
    <row r="216" spans="1:8" ht="12.95" customHeight="1">
      <c r="A216" s="78"/>
      <c r="B216" s="42"/>
      <c r="C216" s="28"/>
      <c r="D216" s="60"/>
      <c r="E216" s="43"/>
      <c r="F216" s="60"/>
      <c r="G216" s="54"/>
      <c r="H216" s="8"/>
    </row>
    <row r="217" spans="1:8" ht="12.95" customHeight="1">
      <c r="A217" s="78"/>
      <c r="B217" s="45"/>
      <c r="C217" s="32"/>
      <c r="D217" s="61"/>
      <c r="E217" s="46"/>
      <c r="F217" s="61"/>
      <c r="G217" s="55"/>
      <c r="H217" s="12"/>
    </row>
    <row r="218" spans="1:8" ht="12.95" customHeight="1">
      <c r="A218" s="78"/>
      <c r="B218" s="40"/>
      <c r="C218" s="25"/>
      <c r="D218" s="52"/>
      <c r="E218" s="44"/>
      <c r="F218" s="52"/>
      <c r="G218" s="53"/>
      <c r="H218" s="5"/>
    </row>
    <row r="219" spans="1:8" ht="12.95" customHeight="1">
      <c r="A219" s="78"/>
      <c r="B219" s="42"/>
      <c r="C219" s="28"/>
      <c r="D219" s="60"/>
      <c r="E219" s="43"/>
      <c r="F219" s="60"/>
      <c r="G219" s="54"/>
      <c r="H219" s="8"/>
    </row>
    <row r="220" spans="1:8" ht="12.95" customHeight="1">
      <c r="A220" s="78"/>
      <c r="B220" s="45"/>
      <c r="C220" s="32"/>
      <c r="D220" s="61"/>
      <c r="E220" s="46"/>
      <c r="F220" s="61"/>
      <c r="G220" s="55"/>
      <c r="H220" s="12"/>
    </row>
    <row r="221" spans="1:8" ht="12.95" customHeight="1">
      <c r="A221" s="78"/>
      <c r="B221" s="40"/>
      <c r="C221" s="25"/>
      <c r="D221" s="52"/>
      <c r="E221" s="44"/>
      <c r="F221" s="52"/>
      <c r="G221" s="53"/>
      <c r="H221" s="5"/>
    </row>
    <row r="222" spans="1:8" ht="12.95" customHeight="1">
      <c r="A222" s="78"/>
      <c r="B222" s="42"/>
      <c r="C222" s="28"/>
      <c r="D222" s="60"/>
      <c r="E222" s="43"/>
      <c r="F222" s="60"/>
      <c r="G222" s="54"/>
      <c r="H222" s="8"/>
    </row>
    <row r="223" spans="1:8" ht="12.95" customHeight="1">
      <c r="A223" s="78"/>
      <c r="B223" s="45"/>
      <c r="C223" s="32"/>
      <c r="D223" s="61"/>
      <c r="E223" s="46"/>
      <c r="F223" s="61"/>
      <c r="G223" s="55"/>
      <c r="H223" s="12"/>
    </row>
    <row r="224" spans="1:8" ht="12.95" customHeight="1">
      <c r="A224" s="78"/>
      <c r="B224" s="40"/>
      <c r="C224" s="25"/>
      <c r="D224" s="52"/>
      <c r="E224" s="44"/>
      <c r="F224" s="52"/>
      <c r="G224" s="53"/>
      <c r="H224" s="5"/>
    </row>
    <row r="225" spans="1:8" ht="12.95" customHeight="1">
      <c r="A225" s="78"/>
      <c r="B225" s="42"/>
      <c r="C225" s="28"/>
      <c r="D225" s="60"/>
      <c r="E225" s="43"/>
      <c r="F225" s="60"/>
      <c r="G225" s="54"/>
      <c r="H225" s="8"/>
    </row>
    <row r="226" spans="1:8" ht="12.95" customHeight="1">
      <c r="A226" s="78"/>
      <c r="B226" s="45"/>
      <c r="C226" s="32"/>
      <c r="D226" s="61"/>
      <c r="E226" s="46"/>
      <c r="F226" s="61"/>
      <c r="G226" s="55"/>
      <c r="H226" s="12"/>
    </row>
    <row r="227" spans="1:8" ht="12.95" customHeight="1">
      <c r="A227" s="78"/>
      <c r="B227" s="40"/>
      <c r="C227" s="25"/>
      <c r="D227" s="52"/>
      <c r="E227" s="44"/>
      <c r="F227" s="52"/>
      <c r="G227" s="53"/>
      <c r="H227" s="5"/>
    </row>
    <row r="228" spans="1:8" ht="12.95" customHeight="1">
      <c r="A228" s="78"/>
      <c r="B228" s="42"/>
      <c r="C228" s="28"/>
      <c r="D228" s="60"/>
      <c r="E228" s="43"/>
      <c r="F228" s="60"/>
      <c r="G228" s="54"/>
      <c r="H228" s="8"/>
    </row>
    <row r="229" spans="1:8" ht="12.95" customHeight="1">
      <c r="A229" s="78"/>
      <c r="B229" s="45"/>
      <c r="C229" s="32"/>
      <c r="D229" s="61"/>
      <c r="E229" s="46"/>
      <c r="F229" s="61"/>
      <c r="G229" s="55"/>
      <c r="H229" s="12"/>
    </row>
    <row r="230" spans="1:8" ht="12.95" customHeight="1">
      <c r="A230" s="78"/>
      <c r="B230" s="40"/>
      <c r="C230" s="25"/>
      <c r="D230" s="52"/>
      <c r="E230" s="44"/>
      <c r="F230" s="52"/>
      <c r="G230" s="53"/>
      <c r="H230" s="5"/>
    </row>
    <row r="231" spans="1:8" ht="12.95" customHeight="1">
      <c r="A231" s="78"/>
      <c r="B231" s="42"/>
      <c r="C231" s="28"/>
      <c r="D231" s="60"/>
      <c r="E231" s="43"/>
      <c r="F231" s="60"/>
      <c r="G231" s="54"/>
      <c r="H231" s="8"/>
    </row>
    <row r="232" spans="1:8" ht="12.95" customHeight="1">
      <c r="A232" s="78"/>
      <c r="B232" s="45"/>
      <c r="C232" s="32"/>
      <c r="D232" s="61"/>
      <c r="E232" s="47"/>
      <c r="F232" s="65"/>
      <c r="G232" s="55"/>
      <c r="H232" s="12"/>
    </row>
    <row r="233" spans="1:8" ht="12.95" customHeight="1">
      <c r="A233" s="78"/>
      <c r="B233" s="40"/>
      <c r="C233" s="25"/>
      <c r="D233" s="52"/>
      <c r="E233" s="44"/>
      <c r="F233" s="52"/>
      <c r="G233" s="53"/>
      <c r="H233" s="5"/>
    </row>
    <row r="234" spans="1:8" ht="12.95" customHeight="1">
      <c r="A234" s="78"/>
      <c r="B234" s="42"/>
      <c r="C234" s="28"/>
      <c r="D234" s="60"/>
      <c r="E234" s="43"/>
      <c r="F234" s="60"/>
      <c r="G234" s="54"/>
      <c r="H234" s="8"/>
    </row>
    <row r="235" spans="1:8" ht="12.95" customHeight="1">
      <c r="A235" s="78"/>
      <c r="B235" s="45"/>
      <c r="C235" s="32"/>
      <c r="D235" s="61"/>
      <c r="E235" s="46"/>
      <c r="F235" s="61"/>
      <c r="G235" s="55"/>
      <c r="H235" s="12"/>
    </row>
    <row r="236" spans="1:8" ht="12.95" customHeight="1">
      <c r="A236" s="78"/>
      <c r="B236" s="40"/>
      <c r="C236" s="25"/>
      <c r="D236" s="52"/>
      <c r="E236" s="44"/>
      <c r="F236" s="52"/>
      <c r="G236" s="53"/>
      <c r="H236" s="5"/>
    </row>
    <row r="237" spans="1:8" ht="12.95" customHeight="1">
      <c r="A237" s="78"/>
      <c r="B237" s="42"/>
      <c r="C237" s="28"/>
      <c r="D237" s="60"/>
      <c r="E237" s="43"/>
      <c r="F237" s="60"/>
      <c r="G237" s="54"/>
      <c r="H237" s="8"/>
    </row>
    <row r="238" spans="1:8" ht="12.95" customHeight="1">
      <c r="A238" s="78"/>
      <c r="B238" s="45"/>
      <c r="C238" s="32"/>
      <c r="D238" s="61"/>
      <c r="E238" s="46"/>
      <c r="F238" s="61"/>
      <c r="G238" s="55"/>
      <c r="H238" s="12"/>
    </row>
    <row r="239" spans="1:8" ht="12.95" customHeight="1">
      <c r="A239" s="78"/>
      <c r="B239" s="40"/>
      <c r="C239" s="25"/>
      <c r="D239" s="52"/>
      <c r="E239" s="44"/>
      <c r="F239" s="52"/>
      <c r="G239" s="53"/>
      <c r="H239" s="5"/>
    </row>
    <row r="240" spans="1:8" ht="12.95" customHeight="1">
      <c r="A240" s="78"/>
      <c r="B240" s="42"/>
      <c r="C240" s="28"/>
      <c r="D240" s="60"/>
      <c r="E240" s="43"/>
      <c r="F240" s="60"/>
      <c r="G240" s="54"/>
      <c r="H240" s="8"/>
    </row>
    <row r="241" spans="1:8" ht="12.95" customHeight="1">
      <c r="A241" s="78"/>
      <c r="B241" s="45"/>
      <c r="C241" s="32"/>
      <c r="D241" s="61"/>
      <c r="E241" s="46"/>
      <c r="F241" s="61"/>
      <c r="G241" s="55"/>
      <c r="H241" s="12"/>
    </row>
    <row r="242" spans="1:8" ht="12.95" customHeight="1">
      <c r="A242" s="78"/>
      <c r="B242" s="40"/>
      <c r="C242" s="25"/>
      <c r="D242" s="52"/>
      <c r="E242" s="41"/>
      <c r="F242" s="64"/>
      <c r="G242" s="53"/>
      <c r="H242" s="5"/>
    </row>
    <row r="243" spans="1:8" ht="12.95" customHeight="1">
      <c r="A243" s="78"/>
      <c r="B243" s="42"/>
      <c r="C243" s="28"/>
      <c r="D243" s="60"/>
      <c r="E243" s="43"/>
      <c r="F243" s="60"/>
      <c r="G243" s="54"/>
      <c r="H243" s="8"/>
    </row>
    <row r="244" spans="1:8" ht="12.95" customHeight="1">
      <c r="A244" s="78"/>
      <c r="B244" s="45"/>
      <c r="C244" s="32"/>
      <c r="D244" s="61"/>
      <c r="E244" s="46"/>
      <c r="F244" s="61"/>
      <c r="G244" s="55"/>
      <c r="H244" s="12"/>
    </row>
    <row r="245" spans="1:8" ht="12.95" customHeight="1">
      <c r="A245" s="78"/>
      <c r="B245" s="40"/>
      <c r="C245" s="25"/>
      <c r="D245" s="52"/>
      <c r="E245" s="44"/>
      <c r="F245" s="52"/>
      <c r="G245" s="53"/>
      <c r="H245" s="5"/>
    </row>
    <row r="246" spans="1:8" ht="12.95" customHeight="1">
      <c r="A246" s="78"/>
      <c r="B246" s="42"/>
      <c r="C246" s="28"/>
      <c r="D246" s="60"/>
      <c r="E246" s="43"/>
      <c r="F246" s="60"/>
      <c r="G246" s="54"/>
      <c r="H246" s="8"/>
    </row>
    <row r="247" spans="1:8" ht="12.95" customHeight="1">
      <c r="A247" s="78"/>
      <c r="B247" s="45"/>
      <c r="C247" s="32"/>
      <c r="D247" s="61"/>
      <c r="E247" s="46"/>
      <c r="F247" s="61"/>
      <c r="G247" s="55"/>
      <c r="H247" s="12"/>
    </row>
    <row r="248" spans="1:8" ht="12.95" customHeight="1">
      <c r="A248" s="78"/>
      <c r="B248" s="40"/>
      <c r="C248" s="25"/>
      <c r="D248" s="52"/>
      <c r="E248" s="44"/>
      <c r="F248" s="52"/>
      <c r="G248" s="53"/>
      <c r="H248" s="5"/>
    </row>
    <row r="249" spans="1:8" ht="12.95" customHeight="1">
      <c r="A249" s="78"/>
      <c r="B249" s="42"/>
      <c r="C249" s="28"/>
      <c r="D249" s="60"/>
      <c r="E249" s="43"/>
      <c r="F249" s="60"/>
      <c r="G249" s="54"/>
      <c r="H249" s="8"/>
    </row>
    <row r="250" spans="1:8" ht="12.95" customHeight="1">
      <c r="A250" s="78"/>
      <c r="B250" s="45"/>
      <c r="C250" s="32"/>
      <c r="D250" s="61"/>
      <c r="E250" s="46"/>
      <c r="F250" s="61"/>
      <c r="G250" s="55"/>
      <c r="H250" s="12"/>
    </row>
    <row r="251" spans="1:8" ht="12.95" customHeight="1">
      <c r="A251" s="78"/>
      <c r="B251" s="40"/>
      <c r="C251" s="25"/>
      <c r="D251" s="52"/>
      <c r="E251" s="44"/>
      <c r="F251" s="52"/>
      <c r="G251" s="53"/>
      <c r="H251" s="5"/>
    </row>
    <row r="252" spans="1:8" ht="12.95" customHeight="1">
      <c r="A252" s="78"/>
      <c r="B252" s="42"/>
      <c r="C252" s="28"/>
      <c r="D252" s="60"/>
      <c r="E252" s="48"/>
      <c r="F252" s="66"/>
      <c r="G252" s="54"/>
      <c r="H252" s="8"/>
    </row>
    <row r="253" spans="1:8" ht="12.95" customHeight="1">
      <c r="A253" s="78"/>
      <c r="B253" s="45"/>
      <c r="C253" s="32"/>
      <c r="D253" s="61"/>
      <c r="E253" s="46"/>
      <c r="F253" s="61"/>
      <c r="G253" s="55"/>
      <c r="H253" s="12"/>
    </row>
    <row r="254" spans="1:8" ht="12.95" customHeight="1">
      <c r="A254" s="78"/>
      <c r="B254" s="40"/>
      <c r="C254" s="25"/>
      <c r="D254" s="62"/>
      <c r="E254" s="44"/>
      <c r="F254" s="62"/>
      <c r="G254" s="53"/>
      <c r="H254" s="5"/>
    </row>
    <row r="255" spans="1:8" ht="12.95" customHeight="1">
      <c r="A255" s="78"/>
      <c r="B255" s="50"/>
      <c r="C255" s="38"/>
      <c r="D255" s="63"/>
      <c r="E255" s="51"/>
      <c r="F255" s="63"/>
      <c r="G255" s="57"/>
      <c r="H255" s="18"/>
    </row>
    <row r="256" spans="1:8" ht="0.95" customHeight="1">
      <c r="B256" s="19"/>
      <c r="C256" s="19"/>
      <c r="D256" s="19"/>
      <c r="E256" s="19"/>
      <c r="F256" s="67"/>
      <c r="G256" s="19"/>
      <c r="H256" s="19"/>
    </row>
    <row r="257" spans="1:8" s="1" customFormat="1" ht="18" customHeight="1">
      <c r="B257" s="79" t="s">
        <v>467</v>
      </c>
      <c r="C257" s="79"/>
      <c r="D257" s="79"/>
      <c r="E257" s="79"/>
      <c r="F257" s="79"/>
      <c r="G257" s="79"/>
      <c r="H257" s="80"/>
    </row>
    <row r="258" spans="1:8" ht="21" customHeight="1">
      <c r="A258" s="78"/>
      <c r="B258" s="207" t="s">
        <v>21</v>
      </c>
      <c r="C258" s="208"/>
      <c r="D258" s="208" t="s">
        <v>704</v>
      </c>
      <c r="E258" s="208"/>
      <c r="F258" s="208"/>
      <c r="G258" s="208"/>
      <c r="H258" s="209"/>
    </row>
    <row r="259" spans="1:8" ht="21" customHeight="1">
      <c r="A259" s="78"/>
      <c r="B259" s="105" t="s">
        <v>87</v>
      </c>
      <c r="C259" s="106" t="s">
        <v>88</v>
      </c>
      <c r="D259" s="106" t="s">
        <v>56</v>
      </c>
      <c r="E259" s="106" t="s">
        <v>2</v>
      </c>
      <c r="F259" s="106" t="s">
        <v>89</v>
      </c>
      <c r="G259" s="106" t="s">
        <v>58</v>
      </c>
      <c r="H259" s="107" t="s">
        <v>5</v>
      </c>
    </row>
    <row r="260" spans="1:8" ht="12.95" customHeight="1">
      <c r="A260" s="78" t="s">
        <v>7</v>
      </c>
      <c r="B260" s="108" t="s">
        <v>705</v>
      </c>
      <c r="C260" s="98" t="s">
        <v>7</v>
      </c>
      <c r="D260" s="52" t="s">
        <v>7</v>
      </c>
      <c r="E260" s="113" t="s">
        <v>7</v>
      </c>
      <c r="F260" s="124" t="s">
        <v>7</v>
      </c>
      <c r="G260" s="53"/>
      <c r="H260" s="90"/>
    </row>
    <row r="261" spans="1:8" ht="12.95" customHeight="1">
      <c r="A261" s="78" t="s">
        <v>7</v>
      </c>
      <c r="B261" s="108" t="s">
        <v>7</v>
      </c>
      <c r="C261" s="98" t="s">
        <v>7</v>
      </c>
      <c r="D261" s="52" t="s">
        <v>10</v>
      </c>
      <c r="E261" s="113" t="s">
        <v>7</v>
      </c>
      <c r="F261" s="52" t="s">
        <v>7</v>
      </c>
      <c r="G261" s="53"/>
      <c r="H261" s="90"/>
    </row>
    <row r="262" spans="1:8" ht="12.95" customHeight="1">
      <c r="A262" s="78" t="s">
        <v>7</v>
      </c>
      <c r="B262" s="109" t="s">
        <v>7</v>
      </c>
      <c r="C262" s="100" t="s">
        <v>7</v>
      </c>
      <c r="D262" s="60" t="s">
        <v>7</v>
      </c>
      <c r="E262" s="112" t="s">
        <v>11</v>
      </c>
      <c r="F262" s="126" t="s">
        <v>7</v>
      </c>
      <c r="G262" s="54"/>
      <c r="H262" s="91"/>
    </row>
    <row r="263" spans="1:8" ht="12.95" customHeight="1">
      <c r="A263" s="78" t="s">
        <v>7</v>
      </c>
      <c r="B263" s="108" t="s">
        <v>706</v>
      </c>
      <c r="C263" s="98" t="s">
        <v>7</v>
      </c>
      <c r="D263" s="52" t="s">
        <v>7</v>
      </c>
      <c r="E263" s="113" t="s">
        <v>7</v>
      </c>
      <c r="F263" s="124" t="s">
        <v>7</v>
      </c>
      <c r="G263" s="53"/>
      <c r="H263" s="90"/>
    </row>
    <row r="264" spans="1:8" ht="12.95" customHeight="1">
      <c r="A264" s="78" t="s">
        <v>7</v>
      </c>
      <c r="B264" s="108" t="s">
        <v>7</v>
      </c>
      <c r="C264" s="98" t="s">
        <v>7</v>
      </c>
      <c r="D264" s="52" t="s">
        <v>10</v>
      </c>
      <c r="E264" s="113" t="s">
        <v>7</v>
      </c>
      <c r="F264" s="52" t="s">
        <v>7</v>
      </c>
      <c r="G264" s="53"/>
      <c r="H264" s="90"/>
    </row>
    <row r="265" spans="1:8" ht="12.95" customHeight="1">
      <c r="A265" s="78" t="s">
        <v>7</v>
      </c>
      <c r="B265" s="109" t="s">
        <v>7</v>
      </c>
      <c r="C265" s="100" t="s">
        <v>7</v>
      </c>
      <c r="D265" s="60" t="s">
        <v>7</v>
      </c>
      <c r="E265" s="112" t="s">
        <v>11</v>
      </c>
      <c r="F265" s="126" t="s">
        <v>7</v>
      </c>
      <c r="G265" s="54"/>
      <c r="H265" s="91"/>
    </row>
    <row r="266" spans="1:8" ht="12.95" customHeight="1">
      <c r="A266" s="78" t="s">
        <v>7</v>
      </c>
      <c r="B266" s="110" t="s">
        <v>14</v>
      </c>
      <c r="C266" s="98" t="s">
        <v>7</v>
      </c>
      <c r="D266" s="52" t="s">
        <v>7</v>
      </c>
      <c r="E266" s="113" t="s">
        <v>7</v>
      </c>
      <c r="F266" s="52" t="s">
        <v>7</v>
      </c>
      <c r="G266" s="53"/>
      <c r="H266" s="90"/>
    </row>
    <row r="267" spans="1:8" ht="12.95" customHeight="1">
      <c r="A267" s="78" t="s">
        <v>7</v>
      </c>
      <c r="B267" s="108" t="s">
        <v>7</v>
      </c>
      <c r="C267" s="98" t="s">
        <v>7</v>
      </c>
      <c r="D267" s="52" t="s">
        <v>7</v>
      </c>
      <c r="E267" s="113" t="s">
        <v>7</v>
      </c>
      <c r="F267" s="52" t="s">
        <v>7</v>
      </c>
      <c r="G267" s="53"/>
      <c r="H267" s="90"/>
    </row>
    <row r="268" spans="1:8" ht="12.95" customHeight="1">
      <c r="A268" s="78" t="s">
        <v>7</v>
      </c>
      <c r="B268" s="109" t="s">
        <v>7</v>
      </c>
      <c r="C268" s="100" t="s">
        <v>7</v>
      </c>
      <c r="D268" s="60" t="s">
        <v>7</v>
      </c>
      <c r="E268" s="112" t="s">
        <v>7</v>
      </c>
      <c r="F268" s="60" t="s">
        <v>7</v>
      </c>
      <c r="G268" s="54"/>
      <c r="H268" s="91"/>
    </row>
    <row r="269" spans="1:8" ht="12.95" customHeight="1">
      <c r="A269" s="78"/>
      <c r="B269" s="45"/>
      <c r="C269" s="32"/>
      <c r="D269" s="61"/>
      <c r="E269" s="46"/>
      <c r="F269" s="61"/>
      <c r="G269" s="55"/>
      <c r="H269" s="12"/>
    </row>
    <row r="270" spans="1:8" ht="12.95" customHeight="1">
      <c r="A270" s="78"/>
      <c r="B270" s="40"/>
      <c r="C270" s="25"/>
      <c r="D270" s="52"/>
      <c r="E270" s="44"/>
      <c r="F270" s="52"/>
      <c r="G270" s="53"/>
      <c r="H270" s="5"/>
    </row>
    <row r="271" spans="1:8" ht="12.95" customHeight="1">
      <c r="A271" s="78"/>
      <c r="B271" s="42"/>
      <c r="C271" s="28"/>
      <c r="D271" s="60"/>
      <c r="E271" s="43"/>
      <c r="F271" s="60"/>
      <c r="G271" s="54"/>
      <c r="H271" s="8"/>
    </row>
    <row r="272" spans="1:8" ht="12.95" customHeight="1">
      <c r="A272" s="78"/>
      <c r="B272" s="45"/>
      <c r="C272" s="32"/>
      <c r="D272" s="61"/>
      <c r="E272" s="46"/>
      <c r="F272" s="61"/>
      <c r="G272" s="55"/>
      <c r="H272" s="12"/>
    </row>
    <row r="273" spans="1:8" ht="12.95" customHeight="1">
      <c r="A273" s="78"/>
      <c r="B273" s="40"/>
      <c r="C273" s="25"/>
      <c r="D273" s="52"/>
      <c r="E273" s="44"/>
      <c r="F273" s="52"/>
      <c r="G273" s="53"/>
      <c r="H273" s="5"/>
    </row>
    <row r="274" spans="1:8" ht="12.95" customHeight="1">
      <c r="A274" s="78"/>
      <c r="B274" s="42"/>
      <c r="C274" s="28"/>
      <c r="D274" s="60"/>
      <c r="E274" s="43"/>
      <c r="F274" s="60"/>
      <c r="G274" s="54"/>
      <c r="H274" s="8"/>
    </row>
    <row r="275" spans="1:8" ht="12.95" customHeight="1">
      <c r="A275" s="78"/>
      <c r="B275" s="45"/>
      <c r="C275" s="32"/>
      <c r="D275" s="61"/>
      <c r="E275" s="46"/>
      <c r="F275" s="61"/>
      <c r="G275" s="55"/>
      <c r="H275" s="12"/>
    </row>
    <row r="276" spans="1:8" ht="12.95" customHeight="1">
      <c r="A276" s="78"/>
      <c r="B276" s="40"/>
      <c r="C276" s="25"/>
      <c r="D276" s="52"/>
      <c r="E276" s="44"/>
      <c r="F276" s="52"/>
      <c r="G276" s="53"/>
      <c r="H276" s="5"/>
    </row>
    <row r="277" spans="1:8" ht="12.95" customHeight="1">
      <c r="A277" s="78"/>
      <c r="B277" s="42"/>
      <c r="C277" s="28"/>
      <c r="D277" s="60"/>
      <c r="E277" s="43"/>
      <c r="F277" s="60"/>
      <c r="G277" s="54"/>
      <c r="H277" s="8"/>
    </row>
    <row r="278" spans="1:8" ht="12.95" customHeight="1">
      <c r="A278" s="78"/>
      <c r="B278" s="45"/>
      <c r="C278" s="32"/>
      <c r="D278" s="61"/>
      <c r="E278" s="46"/>
      <c r="F278" s="61"/>
      <c r="G278" s="55"/>
      <c r="H278" s="12"/>
    </row>
    <row r="279" spans="1:8" ht="12.95" customHeight="1">
      <c r="A279" s="78"/>
      <c r="B279" s="40"/>
      <c r="C279" s="25"/>
      <c r="D279" s="52"/>
      <c r="E279" s="44"/>
      <c r="F279" s="52"/>
      <c r="G279" s="53"/>
      <c r="H279" s="5"/>
    </row>
    <row r="280" spans="1:8" ht="12.95" customHeight="1">
      <c r="A280" s="78"/>
      <c r="B280" s="42"/>
      <c r="C280" s="28"/>
      <c r="D280" s="60"/>
      <c r="E280" s="43"/>
      <c r="F280" s="60"/>
      <c r="G280" s="54"/>
      <c r="H280" s="8"/>
    </row>
    <row r="281" spans="1:8" ht="12.95" customHeight="1">
      <c r="A281" s="78"/>
      <c r="B281" s="45"/>
      <c r="C281" s="32"/>
      <c r="D281" s="61"/>
      <c r="E281" s="46"/>
      <c r="F281" s="61"/>
      <c r="G281" s="55"/>
      <c r="H281" s="12"/>
    </row>
    <row r="282" spans="1:8" ht="12.95" customHeight="1">
      <c r="A282" s="78"/>
      <c r="B282" s="40"/>
      <c r="C282" s="25"/>
      <c r="D282" s="52"/>
      <c r="E282" s="44"/>
      <c r="F282" s="52"/>
      <c r="G282" s="53"/>
      <c r="H282" s="5"/>
    </row>
    <row r="283" spans="1:8" ht="12.95" customHeight="1">
      <c r="A283" s="78"/>
      <c r="B283" s="42"/>
      <c r="C283" s="28"/>
      <c r="D283" s="60"/>
      <c r="E283" s="43"/>
      <c r="F283" s="60"/>
      <c r="G283" s="54"/>
      <c r="H283" s="8"/>
    </row>
    <row r="284" spans="1:8" ht="12.95" customHeight="1">
      <c r="A284" s="78"/>
      <c r="B284" s="45"/>
      <c r="C284" s="32"/>
      <c r="D284" s="61"/>
      <c r="E284" s="46"/>
      <c r="F284" s="61"/>
      <c r="G284" s="55"/>
      <c r="H284" s="12"/>
    </row>
    <row r="285" spans="1:8" ht="12.95" customHeight="1">
      <c r="A285" s="78"/>
      <c r="B285" s="40"/>
      <c r="C285" s="25"/>
      <c r="D285" s="52"/>
      <c r="E285" s="44"/>
      <c r="F285" s="52"/>
      <c r="G285" s="53"/>
      <c r="H285" s="5"/>
    </row>
    <row r="286" spans="1:8" ht="12.95" customHeight="1">
      <c r="A286" s="78"/>
      <c r="B286" s="42"/>
      <c r="C286" s="28"/>
      <c r="D286" s="60"/>
      <c r="E286" s="43"/>
      <c r="F286" s="60"/>
      <c r="G286" s="54"/>
      <c r="H286" s="8"/>
    </row>
    <row r="287" spans="1:8" ht="12.95" customHeight="1">
      <c r="A287" s="78"/>
      <c r="B287" s="45"/>
      <c r="C287" s="32"/>
      <c r="D287" s="61"/>
      <c r="E287" s="46"/>
      <c r="F287" s="61"/>
      <c r="G287" s="55"/>
      <c r="H287" s="12"/>
    </row>
    <row r="288" spans="1:8" ht="12.95" customHeight="1">
      <c r="A288" s="78"/>
      <c r="B288" s="40"/>
      <c r="C288" s="25"/>
      <c r="D288" s="52"/>
      <c r="E288" s="44"/>
      <c r="F288" s="52"/>
      <c r="G288" s="53"/>
      <c r="H288" s="5"/>
    </row>
    <row r="289" spans="1:8" ht="12.95" customHeight="1">
      <c r="A289" s="78"/>
      <c r="B289" s="42"/>
      <c r="C289" s="28"/>
      <c r="D289" s="60"/>
      <c r="E289" s="43"/>
      <c r="F289" s="60"/>
      <c r="G289" s="54"/>
      <c r="H289" s="8"/>
    </row>
    <row r="290" spans="1:8" ht="12.95" customHeight="1">
      <c r="A290" s="78"/>
      <c r="B290" s="45"/>
      <c r="C290" s="32"/>
      <c r="D290" s="61"/>
      <c r="E290" s="46"/>
      <c r="F290" s="61"/>
      <c r="G290" s="55"/>
      <c r="H290" s="12"/>
    </row>
    <row r="291" spans="1:8" ht="12.95" customHeight="1">
      <c r="A291" s="78"/>
      <c r="B291" s="40"/>
      <c r="C291" s="25"/>
      <c r="D291" s="52"/>
      <c r="E291" s="44"/>
      <c r="F291" s="52"/>
      <c r="G291" s="53"/>
      <c r="H291" s="5"/>
    </row>
    <row r="292" spans="1:8" ht="12.95" customHeight="1">
      <c r="A292" s="78"/>
      <c r="B292" s="42"/>
      <c r="C292" s="28"/>
      <c r="D292" s="60"/>
      <c r="E292" s="43"/>
      <c r="F292" s="60"/>
      <c r="G292" s="54"/>
      <c r="H292" s="8"/>
    </row>
    <row r="293" spans="1:8" ht="12.95" customHeight="1">
      <c r="A293" s="78"/>
      <c r="B293" s="45"/>
      <c r="C293" s="32"/>
      <c r="D293" s="61"/>
      <c r="E293" s="46"/>
      <c r="F293" s="61"/>
      <c r="G293" s="55"/>
      <c r="H293" s="12"/>
    </row>
    <row r="294" spans="1:8" ht="12.95" customHeight="1">
      <c r="A294" s="78"/>
      <c r="B294" s="40"/>
      <c r="C294" s="25"/>
      <c r="D294" s="52"/>
      <c r="E294" s="44"/>
      <c r="F294" s="52"/>
      <c r="G294" s="53"/>
      <c r="H294" s="5"/>
    </row>
    <row r="295" spans="1:8" ht="12.95" customHeight="1">
      <c r="A295" s="78"/>
      <c r="B295" s="42"/>
      <c r="C295" s="28"/>
      <c r="D295" s="60"/>
      <c r="E295" s="43"/>
      <c r="F295" s="60"/>
      <c r="G295" s="54"/>
      <c r="H295" s="8"/>
    </row>
    <row r="296" spans="1:8" ht="12.95" customHeight="1">
      <c r="A296" s="78"/>
      <c r="B296" s="45"/>
      <c r="C296" s="32"/>
      <c r="D296" s="61"/>
      <c r="E296" s="47"/>
      <c r="F296" s="65"/>
      <c r="G296" s="55"/>
      <c r="H296" s="12"/>
    </row>
    <row r="297" spans="1:8" ht="12.95" customHeight="1">
      <c r="A297" s="78"/>
      <c r="B297" s="40"/>
      <c r="C297" s="25"/>
      <c r="D297" s="52"/>
      <c r="E297" s="44"/>
      <c r="F297" s="52"/>
      <c r="G297" s="53"/>
      <c r="H297" s="5"/>
    </row>
    <row r="298" spans="1:8" ht="12.95" customHeight="1">
      <c r="A298" s="78"/>
      <c r="B298" s="42"/>
      <c r="C298" s="28"/>
      <c r="D298" s="60"/>
      <c r="E298" s="43"/>
      <c r="F298" s="60"/>
      <c r="G298" s="54"/>
      <c r="H298" s="8"/>
    </row>
    <row r="299" spans="1:8" ht="12.95" customHeight="1">
      <c r="A299" s="78"/>
      <c r="B299" s="45"/>
      <c r="C299" s="32"/>
      <c r="D299" s="61"/>
      <c r="E299" s="46"/>
      <c r="F299" s="61"/>
      <c r="G299" s="55"/>
      <c r="H299" s="12"/>
    </row>
    <row r="300" spans="1:8" ht="12.95" customHeight="1">
      <c r="A300" s="78"/>
      <c r="B300" s="40"/>
      <c r="C300" s="25"/>
      <c r="D300" s="52"/>
      <c r="E300" s="44"/>
      <c r="F300" s="52"/>
      <c r="G300" s="53"/>
      <c r="H300" s="5"/>
    </row>
    <row r="301" spans="1:8" ht="12.95" customHeight="1">
      <c r="A301" s="78"/>
      <c r="B301" s="42"/>
      <c r="C301" s="28"/>
      <c r="D301" s="60"/>
      <c r="E301" s="43"/>
      <c r="F301" s="60"/>
      <c r="G301" s="54"/>
      <c r="H301" s="8"/>
    </row>
    <row r="302" spans="1:8" ht="12.95" customHeight="1">
      <c r="A302" s="78"/>
      <c r="B302" s="45"/>
      <c r="C302" s="32"/>
      <c r="D302" s="61"/>
      <c r="E302" s="46"/>
      <c r="F302" s="61"/>
      <c r="G302" s="55"/>
      <c r="H302" s="12"/>
    </row>
    <row r="303" spans="1:8" ht="12.95" customHeight="1">
      <c r="A303" s="78"/>
      <c r="B303" s="40"/>
      <c r="C303" s="25"/>
      <c r="D303" s="52"/>
      <c r="E303" s="44"/>
      <c r="F303" s="52"/>
      <c r="G303" s="53"/>
      <c r="H303" s="5"/>
    </row>
    <row r="304" spans="1:8" ht="12.95" customHeight="1">
      <c r="A304" s="78"/>
      <c r="B304" s="42"/>
      <c r="C304" s="28"/>
      <c r="D304" s="60"/>
      <c r="E304" s="43"/>
      <c r="F304" s="60"/>
      <c r="G304" s="54"/>
      <c r="H304" s="8"/>
    </row>
    <row r="305" spans="1:8" ht="12.95" customHeight="1">
      <c r="A305" s="78"/>
      <c r="B305" s="45"/>
      <c r="C305" s="32"/>
      <c r="D305" s="61"/>
      <c r="E305" s="46"/>
      <c r="F305" s="61"/>
      <c r="G305" s="55"/>
      <c r="H305" s="12"/>
    </row>
    <row r="306" spans="1:8" ht="12.95" customHeight="1">
      <c r="A306" s="78"/>
      <c r="B306" s="40"/>
      <c r="C306" s="25"/>
      <c r="D306" s="52"/>
      <c r="E306" s="41"/>
      <c r="F306" s="64"/>
      <c r="G306" s="53"/>
      <c r="H306" s="5"/>
    </row>
    <row r="307" spans="1:8" ht="12.95" customHeight="1">
      <c r="A307" s="78"/>
      <c r="B307" s="42"/>
      <c r="C307" s="28"/>
      <c r="D307" s="60"/>
      <c r="E307" s="43"/>
      <c r="F307" s="60"/>
      <c r="G307" s="54"/>
      <c r="H307" s="8"/>
    </row>
    <row r="308" spans="1:8" ht="12.95" customHeight="1">
      <c r="A308" s="78"/>
      <c r="B308" s="45"/>
      <c r="C308" s="32"/>
      <c r="D308" s="61"/>
      <c r="E308" s="46"/>
      <c r="F308" s="61"/>
      <c r="G308" s="55"/>
      <c r="H308" s="12"/>
    </row>
    <row r="309" spans="1:8" ht="12.95" customHeight="1">
      <c r="A309" s="78"/>
      <c r="B309" s="40"/>
      <c r="C309" s="25"/>
      <c r="D309" s="52"/>
      <c r="E309" s="44"/>
      <c r="F309" s="52"/>
      <c r="G309" s="53"/>
      <c r="H309" s="5"/>
    </row>
    <row r="310" spans="1:8" ht="12.95" customHeight="1">
      <c r="A310" s="78"/>
      <c r="B310" s="42"/>
      <c r="C310" s="28"/>
      <c r="D310" s="60"/>
      <c r="E310" s="43"/>
      <c r="F310" s="60"/>
      <c r="G310" s="54"/>
      <c r="H310" s="8"/>
    </row>
    <row r="311" spans="1:8" ht="12.95" customHeight="1">
      <c r="A311" s="78"/>
      <c r="B311" s="45"/>
      <c r="C311" s="32"/>
      <c r="D311" s="61"/>
      <c r="E311" s="46"/>
      <c r="F311" s="61"/>
      <c r="G311" s="55"/>
      <c r="H311" s="12"/>
    </row>
    <row r="312" spans="1:8" ht="12.95" customHeight="1">
      <c r="A312" s="78"/>
      <c r="B312" s="40"/>
      <c r="C312" s="25"/>
      <c r="D312" s="52"/>
      <c r="E312" s="44"/>
      <c r="F312" s="52"/>
      <c r="G312" s="53"/>
      <c r="H312" s="5"/>
    </row>
    <row r="313" spans="1:8" ht="12.95" customHeight="1">
      <c r="A313" s="78"/>
      <c r="B313" s="42"/>
      <c r="C313" s="28"/>
      <c r="D313" s="60"/>
      <c r="E313" s="43"/>
      <c r="F313" s="60"/>
      <c r="G313" s="54"/>
      <c r="H313" s="8"/>
    </row>
    <row r="314" spans="1:8" ht="12.95" customHeight="1">
      <c r="A314" s="78"/>
      <c r="B314" s="45"/>
      <c r="C314" s="32"/>
      <c r="D314" s="61"/>
      <c r="E314" s="46"/>
      <c r="F314" s="61"/>
      <c r="G314" s="55"/>
      <c r="H314" s="12"/>
    </row>
    <row r="315" spans="1:8" ht="12.95" customHeight="1">
      <c r="A315" s="78"/>
      <c r="B315" s="40"/>
      <c r="C315" s="25"/>
      <c r="D315" s="52"/>
      <c r="E315" s="44"/>
      <c r="F315" s="52"/>
      <c r="G315" s="53"/>
      <c r="H315" s="5"/>
    </row>
    <row r="316" spans="1:8" ht="12.95" customHeight="1">
      <c r="A316" s="78"/>
      <c r="B316" s="42"/>
      <c r="C316" s="28"/>
      <c r="D316" s="60"/>
      <c r="E316" s="48"/>
      <c r="F316" s="66"/>
      <c r="G316" s="54"/>
      <c r="H316" s="8"/>
    </row>
    <row r="317" spans="1:8" ht="12.95" customHeight="1">
      <c r="A317" s="78"/>
      <c r="B317" s="45"/>
      <c r="C317" s="32"/>
      <c r="D317" s="61"/>
      <c r="E317" s="46"/>
      <c r="F317" s="61"/>
      <c r="G317" s="55"/>
      <c r="H317" s="12"/>
    </row>
    <row r="318" spans="1:8" ht="12.95" customHeight="1">
      <c r="A318" s="78"/>
      <c r="B318" s="40"/>
      <c r="C318" s="25"/>
      <c r="D318" s="62"/>
      <c r="E318" s="44"/>
      <c r="F318" s="62"/>
      <c r="G318" s="53"/>
      <c r="H318" s="5"/>
    </row>
    <row r="319" spans="1:8" ht="12.95" customHeight="1">
      <c r="A319" s="78"/>
      <c r="B319" s="50"/>
      <c r="C319" s="38"/>
      <c r="D319" s="63"/>
      <c r="E319" s="51"/>
      <c r="F319" s="63"/>
      <c r="G319" s="57"/>
      <c r="H319" s="18"/>
    </row>
    <row r="320" spans="1:8" ht="0.95" customHeight="1">
      <c r="B320" s="19"/>
      <c r="C320" s="19"/>
      <c r="D320" s="19"/>
      <c r="E320" s="19"/>
      <c r="F320" s="67"/>
      <c r="G320" s="19"/>
      <c r="H320" s="19"/>
    </row>
  </sheetData>
  <mergeCells count="15">
    <mergeCell ref="B258:C258"/>
    <mergeCell ref="D258:F258"/>
    <mergeCell ref="G258:H258"/>
    <mergeCell ref="B130:C130"/>
    <mergeCell ref="D130:F130"/>
    <mergeCell ref="G130:H130"/>
    <mergeCell ref="B194:C194"/>
    <mergeCell ref="D194:F194"/>
    <mergeCell ref="G194:H194"/>
    <mergeCell ref="B2:C2"/>
    <mergeCell ref="D2:F2"/>
    <mergeCell ref="G2:H2"/>
    <mergeCell ref="B66:C66"/>
    <mergeCell ref="D66:F66"/>
    <mergeCell ref="G66:H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5" manualBreakCount="5">
    <brk id="64" max="16383" man="1"/>
    <brk id="128" max="16383" man="1"/>
    <brk id="192" max="16383" man="1"/>
    <brk id="256" max="16383" man="1"/>
    <brk id="320" max="1638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H384"/>
  <sheetViews>
    <sheetView tabSelected="1" view="pageBreakPreview" zoomScaleNormal="115" zoomScaleSheetLayoutView="100" workbookViewId="0">
      <selection activeCell="K19" sqref="K19"/>
    </sheetView>
  </sheetViews>
  <sheetFormatPr defaultRowHeight="11.25"/>
  <cols>
    <col min="1" max="1" width="0.1640625" style="2" customWidth="1"/>
    <col min="2" max="2" width="14.83203125" style="2" customWidth="1"/>
    <col min="3" max="3" width="23.83203125" style="2" customWidth="1"/>
    <col min="4" max="4" width="15.83203125" style="2" customWidth="1"/>
    <col min="5" max="5" width="5" style="2" customWidth="1"/>
    <col min="6" max="6" width="13.6640625" style="2" customWidth="1"/>
    <col min="7" max="7" width="17.6640625" style="2" customWidth="1"/>
    <col min="8" max="8" width="19.6640625" style="2" customWidth="1"/>
    <col min="9" max="16384" width="9.33203125" style="2"/>
  </cols>
  <sheetData>
    <row r="1" spans="1:8" s="1" customFormat="1" ht="18" customHeight="1">
      <c r="B1" s="79" t="s">
        <v>707</v>
      </c>
      <c r="C1" s="79"/>
      <c r="D1" s="79"/>
      <c r="E1" s="79"/>
      <c r="F1" s="79"/>
      <c r="G1" s="79"/>
      <c r="H1" s="80"/>
    </row>
    <row r="2" spans="1:8" ht="21" customHeight="1">
      <c r="A2" s="78"/>
      <c r="B2" s="207" t="s">
        <v>652</v>
      </c>
      <c r="C2" s="208"/>
      <c r="D2" s="208" t="s">
        <v>691</v>
      </c>
      <c r="E2" s="208"/>
      <c r="F2" s="208"/>
      <c r="G2" s="208" t="s">
        <v>692</v>
      </c>
      <c r="H2" s="209"/>
    </row>
    <row r="3" spans="1:8" ht="21" customHeight="1">
      <c r="A3" s="78"/>
      <c r="B3" s="105" t="s">
        <v>87</v>
      </c>
      <c r="C3" s="106" t="s">
        <v>88</v>
      </c>
      <c r="D3" s="106" t="s">
        <v>56</v>
      </c>
      <c r="E3" s="106" t="s">
        <v>2</v>
      </c>
      <c r="F3" s="106" t="s">
        <v>89</v>
      </c>
      <c r="G3" s="106" t="s">
        <v>58</v>
      </c>
      <c r="H3" s="107" t="s">
        <v>4</v>
      </c>
    </row>
    <row r="4" spans="1:8" ht="12.95" customHeight="1">
      <c r="A4" s="78" t="s">
        <v>7</v>
      </c>
      <c r="B4" s="114" t="s">
        <v>693</v>
      </c>
      <c r="C4" s="115" t="s">
        <v>7</v>
      </c>
      <c r="D4" s="58" t="s">
        <v>7</v>
      </c>
      <c r="E4" s="119" t="s">
        <v>7</v>
      </c>
      <c r="F4" s="123"/>
      <c r="G4" s="58"/>
      <c r="H4" s="121"/>
    </row>
    <row r="5" spans="1:8" ht="12.95" customHeight="1">
      <c r="A5" s="78" t="s">
        <v>7</v>
      </c>
      <c r="B5" s="108" t="s">
        <v>7</v>
      </c>
      <c r="C5" s="98" t="s">
        <v>7</v>
      </c>
      <c r="D5" s="53" t="s">
        <v>10</v>
      </c>
      <c r="E5" s="111" t="s">
        <v>7</v>
      </c>
      <c r="F5" s="124"/>
      <c r="G5" s="53"/>
      <c r="H5" s="90"/>
    </row>
    <row r="6" spans="1:8" ht="12.95" customHeight="1">
      <c r="A6" s="78" t="s">
        <v>7</v>
      </c>
      <c r="B6" s="116" t="s">
        <v>7</v>
      </c>
      <c r="C6" s="117" t="s">
        <v>7</v>
      </c>
      <c r="D6" s="57" t="s">
        <v>7</v>
      </c>
      <c r="E6" s="120" t="s">
        <v>11</v>
      </c>
      <c r="F6" s="125"/>
      <c r="G6" s="57"/>
      <c r="H6" s="122"/>
    </row>
    <row r="7" spans="1:8" ht="12.95" customHeight="1">
      <c r="A7" s="78" t="s">
        <v>7</v>
      </c>
      <c r="B7" s="118" t="s">
        <v>708</v>
      </c>
      <c r="C7" s="98" t="s">
        <v>709</v>
      </c>
      <c r="D7" s="52" t="s">
        <v>7</v>
      </c>
      <c r="E7" s="113" t="s">
        <v>7</v>
      </c>
      <c r="F7" s="124"/>
      <c r="G7" s="53"/>
      <c r="H7" s="90"/>
    </row>
    <row r="8" spans="1:8" ht="12.95" customHeight="1">
      <c r="A8" s="78" t="s">
        <v>7</v>
      </c>
      <c r="B8" s="108" t="s">
        <v>710</v>
      </c>
      <c r="C8" s="98" t="s">
        <v>7</v>
      </c>
      <c r="D8" s="52" t="s">
        <v>711</v>
      </c>
      <c r="E8" s="111" t="s">
        <v>7</v>
      </c>
      <c r="F8" s="52"/>
      <c r="G8" s="53"/>
      <c r="H8" s="90"/>
    </row>
    <row r="9" spans="1:8" ht="12.95" customHeight="1">
      <c r="A9" s="78" t="s">
        <v>7</v>
      </c>
      <c r="B9" s="109" t="s">
        <v>712</v>
      </c>
      <c r="C9" s="100" t="s">
        <v>7</v>
      </c>
      <c r="D9" s="60" t="s">
        <v>7</v>
      </c>
      <c r="E9" s="112" t="s">
        <v>134</v>
      </c>
      <c r="F9" s="126"/>
      <c r="G9" s="54"/>
      <c r="H9" s="91"/>
    </row>
    <row r="10" spans="1:8" ht="12.95" customHeight="1">
      <c r="A10" s="78" t="s">
        <v>7</v>
      </c>
      <c r="B10" s="110" t="s">
        <v>14</v>
      </c>
      <c r="C10" s="98" t="s">
        <v>7</v>
      </c>
      <c r="D10" s="52" t="s">
        <v>7</v>
      </c>
      <c r="E10" s="113" t="s">
        <v>7</v>
      </c>
      <c r="F10" s="52"/>
      <c r="G10" s="53"/>
      <c r="H10" s="90"/>
    </row>
    <row r="11" spans="1:8" ht="12.95" customHeight="1">
      <c r="A11" s="78" t="s">
        <v>7</v>
      </c>
      <c r="B11" s="108" t="s">
        <v>7</v>
      </c>
      <c r="C11" s="98" t="s">
        <v>7</v>
      </c>
      <c r="D11" s="52" t="s">
        <v>7</v>
      </c>
      <c r="E11" s="113" t="s">
        <v>7</v>
      </c>
      <c r="F11" s="52"/>
      <c r="G11" s="53"/>
      <c r="H11" s="90"/>
    </row>
    <row r="12" spans="1:8" ht="12.95" customHeight="1">
      <c r="A12" s="78" t="s">
        <v>7</v>
      </c>
      <c r="B12" s="109" t="s">
        <v>7</v>
      </c>
      <c r="C12" s="100" t="s">
        <v>7</v>
      </c>
      <c r="D12" s="60" t="s">
        <v>7</v>
      </c>
      <c r="E12" s="112" t="s">
        <v>7</v>
      </c>
      <c r="F12" s="60"/>
      <c r="G12" s="54"/>
      <c r="H12" s="91"/>
    </row>
    <row r="13" spans="1:8" ht="12.95" customHeight="1">
      <c r="A13" s="78"/>
      <c r="B13" s="45"/>
      <c r="C13" s="32"/>
      <c r="D13" s="61"/>
      <c r="E13" s="46"/>
      <c r="F13" s="61"/>
      <c r="G13" s="55"/>
      <c r="H13" s="12"/>
    </row>
    <row r="14" spans="1:8" ht="12.95" customHeight="1">
      <c r="A14" s="78"/>
      <c r="B14" s="40"/>
      <c r="C14" s="25"/>
      <c r="D14" s="52"/>
      <c r="E14" s="44"/>
      <c r="F14" s="52"/>
      <c r="G14" s="53"/>
      <c r="H14" s="5"/>
    </row>
    <row r="15" spans="1:8" ht="12.95" customHeight="1">
      <c r="A15" s="78"/>
      <c r="B15" s="42"/>
      <c r="C15" s="28"/>
      <c r="D15" s="60"/>
      <c r="E15" s="43"/>
      <c r="F15" s="60"/>
      <c r="G15" s="54"/>
      <c r="H15" s="8"/>
    </row>
    <row r="16" spans="1:8" ht="12.95" customHeight="1">
      <c r="A16" s="78" t="s">
        <v>7</v>
      </c>
      <c r="B16" s="114" t="s">
        <v>694</v>
      </c>
      <c r="C16" s="115" t="s">
        <v>7</v>
      </c>
      <c r="D16" s="58" t="s">
        <v>7</v>
      </c>
      <c r="E16" s="119" t="s">
        <v>7</v>
      </c>
      <c r="F16" s="123"/>
      <c r="G16" s="58"/>
      <c r="H16" s="121"/>
    </row>
    <row r="17" spans="1:8" ht="12.95" customHeight="1">
      <c r="A17" s="78" t="s">
        <v>7</v>
      </c>
      <c r="B17" s="108" t="s">
        <v>7</v>
      </c>
      <c r="C17" s="98" t="s">
        <v>7</v>
      </c>
      <c r="D17" s="53" t="s">
        <v>10</v>
      </c>
      <c r="E17" s="111" t="s">
        <v>7</v>
      </c>
      <c r="F17" s="124"/>
      <c r="G17" s="53"/>
      <c r="H17" s="90"/>
    </row>
    <row r="18" spans="1:8" ht="12.95" customHeight="1">
      <c r="A18" s="78" t="s">
        <v>7</v>
      </c>
      <c r="B18" s="116" t="s">
        <v>7</v>
      </c>
      <c r="C18" s="117" t="s">
        <v>7</v>
      </c>
      <c r="D18" s="57" t="s">
        <v>7</v>
      </c>
      <c r="E18" s="120" t="s">
        <v>11</v>
      </c>
      <c r="F18" s="125"/>
      <c r="G18" s="57"/>
      <c r="H18" s="122"/>
    </row>
    <row r="19" spans="1:8" ht="12.95" customHeight="1">
      <c r="A19" s="78" t="s">
        <v>7</v>
      </c>
      <c r="B19" s="118" t="s">
        <v>713</v>
      </c>
      <c r="C19" s="98" t="s">
        <v>714</v>
      </c>
      <c r="D19" s="52" t="s">
        <v>7</v>
      </c>
      <c r="E19" s="113" t="s">
        <v>7</v>
      </c>
      <c r="F19" s="124"/>
      <c r="G19" s="53"/>
      <c r="H19" s="90"/>
    </row>
    <row r="20" spans="1:8" ht="12.95" customHeight="1">
      <c r="A20" s="78" t="s">
        <v>7</v>
      </c>
      <c r="B20" s="108" t="s">
        <v>712</v>
      </c>
      <c r="C20" s="98" t="s">
        <v>7</v>
      </c>
      <c r="D20" s="52" t="s">
        <v>458</v>
      </c>
      <c r="E20" s="111" t="s">
        <v>7</v>
      </c>
      <c r="F20" s="52"/>
      <c r="G20" s="53"/>
      <c r="H20" s="90"/>
    </row>
    <row r="21" spans="1:8" ht="12.95" customHeight="1">
      <c r="A21" s="78" t="s">
        <v>7</v>
      </c>
      <c r="B21" s="109" t="s">
        <v>7</v>
      </c>
      <c r="C21" s="100" t="s">
        <v>7</v>
      </c>
      <c r="D21" s="60" t="s">
        <v>7</v>
      </c>
      <c r="E21" s="112" t="s">
        <v>134</v>
      </c>
      <c r="F21" s="126"/>
      <c r="G21" s="54"/>
      <c r="H21" s="91"/>
    </row>
    <row r="22" spans="1:8" ht="12.95" customHeight="1">
      <c r="A22" s="78" t="s">
        <v>7</v>
      </c>
      <c r="B22" s="118" t="s">
        <v>715</v>
      </c>
      <c r="C22" s="98" t="s">
        <v>716</v>
      </c>
      <c r="D22" s="52" t="s">
        <v>7</v>
      </c>
      <c r="E22" s="113" t="s">
        <v>7</v>
      </c>
      <c r="F22" s="124"/>
      <c r="G22" s="53"/>
      <c r="H22" s="90"/>
    </row>
    <row r="23" spans="1:8" ht="12.95" customHeight="1">
      <c r="A23" s="78" t="s">
        <v>7</v>
      </c>
      <c r="B23" s="108" t="s">
        <v>717</v>
      </c>
      <c r="C23" s="98" t="s">
        <v>7</v>
      </c>
      <c r="D23" s="52" t="s">
        <v>10</v>
      </c>
      <c r="E23" s="111" t="s">
        <v>7</v>
      </c>
      <c r="F23" s="52"/>
      <c r="G23" s="53"/>
      <c r="H23" s="90"/>
    </row>
    <row r="24" spans="1:8" ht="12.95" customHeight="1">
      <c r="A24" s="78" t="s">
        <v>7</v>
      </c>
      <c r="B24" s="109" t="s">
        <v>7</v>
      </c>
      <c r="C24" s="100" t="s">
        <v>7</v>
      </c>
      <c r="D24" s="60" t="s">
        <v>7</v>
      </c>
      <c r="E24" s="112" t="s">
        <v>134</v>
      </c>
      <c r="F24" s="126"/>
      <c r="G24" s="54"/>
      <c r="H24" s="91"/>
    </row>
    <row r="25" spans="1:8" ht="12.95" customHeight="1">
      <c r="A25" s="78" t="s">
        <v>7</v>
      </c>
      <c r="B25" s="110" t="s">
        <v>14</v>
      </c>
      <c r="C25" s="98" t="s">
        <v>7</v>
      </c>
      <c r="D25" s="52" t="s">
        <v>7</v>
      </c>
      <c r="E25" s="113" t="s">
        <v>7</v>
      </c>
      <c r="F25" s="52"/>
      <c r="G25" s="53"/>
      <c r="H25" s="90"/>
    </row>
    <row r="26" spans="1:8" ht="12.95" customHeight="1">
      <c r="A26" s="78" t="s">
        <v>7</v>
      </c>
      <c r="B26" s="108" t="s">
        <v>7</v>
      </c>
      <c r="C26" s="98" t="s">
        <v>7</v>
      </c>
      <c r="D26" s="52" t="s">
        <v>7</v>
      </c>
      <c r="E26" s="113" t="s">
        <v>7</v>
      </c>
      <c r="F26" s="52"/>
      <c r="G26" s="53"/>
      <c r="H26" s="90"/>
    </row>
    <row r="27" spans="1:8" ht="12.95" customHeight="1">
      <c r="A27" s="78" t="s">
        <v>7</v>
      </c>
      <c r="B27" s="109" t="s">
        <v>7</v>
      </c>
      <c r="C27" s="100" t="s">
        <v>7</v>
      </c>
      <c r="D27" s="60" t="s">
        <v>7</v>
      </c>
      <c r="E27" s="112" t="s">
        <v>7</v>
      </c>
      <c r="F27" s="60"/>
      <c r="G27" s="54"/>
      <c r="H27" s="91"/>
    </row>
    <row r="28" spans="1:8" ht="12.95" customHeight="1">
      <c r="A28" s="78"/>
      <c r="B28" s="45"/>
      <c r="C28" s="32"/>
      <c r="D28" s="61"/>
      <c r="E28" s="46"/>
      <c r="F28" s="61"/>
      <c r="G28" s="55"/>
      <c r="H28" s="12"/>
    </row>
    <row r="29" spans="1:8" ht="12.95" customHeight="1">
      <c r="A29" s="78"/>
      <c r="B29" s="40"/>
      <c r="C29" s="25"/>
      <c r="D29" s="52"/>
      <c r="E29" s="44"/>
      <c r="F29" s="52"/>
      <c r="G29" s="53"/>
      <c r="H29" s="5"/>
    </row>
    <row r="30" spans="1:8" ht="12.95" customHeight="1">
      <c r="A30" s="78"/>
      <c r="B30" s="42"/>
      <c r="C30" s="28"/>
      <c r="D30" s="60"/>
      <c r="E30" s="43"/>
      <c r="F30" s="60"/>
      <c r="G30" s="54"/>
      <c r="H30" s="8"/>
    </row>
    <row r="31" spans="1:8" ht="12.95" customHeight="1">
      <c r="A31" s="78" t="s">
        <v>7</v>
      </c>
      <c r="B31" s="114" t="s">
        <v>695</v>
      </c>
      <c r="C31" s="115" t="s">
        <v>7</v>
      </c>
      <c r="D31" s="58" t="s">
        <v>7</v>
      </c>
      <c r="E31" s="119" t="s">
        <v>7</v>
      </c>
      <c r="F31" s="123"/>
      <c r="G31" s="58"/>
      <c r="H31" s="121"/>
    </row>
    <row r="32" spans="1:8" ht="12.95" customHeight="1">
      <c r="A32" s="78" t="s">
        <v>7</v>
      </c>
      <c r="B32" s="108" t="s">
        <v>7</v>
      </c>
      <c r="C32" s="98" t="s">
        <v>7</v>
      </c>
      <c r="D32" s="53" t="s">
        <v>10</v>
      </c>
      <c r="E32" s="111" t="s">
        <v>7</v>
      </c>
      <c r="F32" s="124"/>
      <c r="G32" s="53"/>
      <c r="H32" s="90"/>
    </row>
    <row r="33" spans="1:8" ht="12.95" customHeight="1">
      <c r="A33" s="78" t="s">
        <v>7</v>
      </c>
      <c r="B33" s="116" t="s">
        <v>7</v>
      </c>
      <c r="C33" s="117" t="s">
        <v>7</v>
      </c>
      <c r="D33" s="57" t="s">
        <v>7</v>
      </c>
      <c r="E33" s="120" t="s">
        <v>11</v>
      </c>
      <c r="F33" s="125"/>
      <c r="G33" s="57"/>
      <c r="H33" s="122"/>
    </row>
    <row r="34" spans="1:8" ht="12.95" customHeight="1">
      <c r="A34" s="78" t="s">
        <v>7</v>
      </c>
      <c r="B34" s="118" t="s">
        <v>718</v>
      </c>
      <c r="C34" s="98" t="s">
        <v>719</v>
      </c>
      <c r="D34" s="52" t="s">
        <v>7</v>
      </c>
      <c r="E34" s="113" t="s">
        <v>7</v>
      </c>
      <c r="F34" s="124"/>
      <c r="G34" s="53"/>
      <c r="H34" s="90"/>
    </row>
    <row r="35" spans="1:8" ht="12.95" customHeight="1">
      <c r="A35" s="78" t="s">
        <v>7</v>
      </c>
      <c r="B35" s="108" t="s">
        <v>720</v>
      </c>
      <c r="C35" s="98" t="s">
        <v>7</v>
      </c>
      <c r="D35" s="52" t="s">
        <v>484</v>
      </c>
      <c r="E35" s="111" t="s">
        <v>7</v>
      </c>
      <c r="F35" s="52"/>
      <c r="G35" s="53"/>
      <c r="H35" s="90"/>
    </row>
    <row r="36" spans="1:8" ht="12.95" customHeight="1">
      <c r="A36" s="78" t="s">
        <v>7</v>
      </c>
      <c r="B36" s="109" t="s">
        <v>712</v>
      </c>
      <c r="C36" s="100" t="s">
        <v>7</v>
      </c>
      <c r="D36" s="60" t="s">
        <v>7</v>
      </c>
      <c r="E36" s="112" t="s">
        <v>134</v>
      </c>
      <c r="F36" s="126"/>
      <c r="G36" s="54"/>
      <c r="H36" s="91"/>
    </row>
    <row r="37" spans="1:8" ht="12.95" customHeight="1">
      <c r="A37" s="78" t="s">
        <v>7</v>
      </c>
      <c r="B37" s="118" t="s">
        <v>718</v>
      </c>
      <c r="C37" s="98" t="s">
        <v>721</v>
      </c>
      <c r="D37" s="52" t="s">
        <v>7</v>
      </c>
      <c r="E37" s="113" t="s">
        <v>7</v>
      </c>
      <c r="F37" s="124"/>
      <c r="G37" s="53"/>
      <c r="H37" s="90"/>
    </row>
    <row r="38" spans="1:8" ht="12.95" customHeight="1">
      <c r="A38" s="78" t="s">
        <v>7</v>
      </c>
      <c r="B38" s="108" t="s">
        <v>720</v>
      </c>
      <c r="C38" s="98" t="s">
        <v>7</v>
      </c>
      <c r="D38" s="52" t="s">
        <v>722</v>
      </c>
      <c r="E38" s="111" t="s">
        <v>7</v>
      </c>
      <c r="F38" s="52"/>
      <c r="G38" s="53"/>
      <c r="H38" s="90"/>
    </row>
    <row r="39" spans="1:8" ht="12.95" customHeight="1">
      <c r="A39" s="78" t="s">
        <v>7</v>
      </c>
      <c r="B39" s="109" t="s">
        <v>712</v>
      </c>
      <c r="C39" s="100" t="s">
        <v>7</v>
      </c>
      <c r="D39" s="60" t="s">
        <v>7</v>
      </c>
      <c r="E39" s="112" t="s">
        <v>134</v>
      </c>
      <c r="F39" s="126"/>
      <c r="G39" s="54"/>
      <c r="H39" s="91"/>
    </row>
    <row r="40" spans="1:8" ht="12.95" customHeight="1">
      <c r="A40" s="78" t="s">
        <v>7</v>
      </c>
      <c r="B40" s="118" t="s">
        <v>718</v>
      </c>
      <c r="C40" s="98" t="s">
        <v>723</v>
      </c>
      <c r="D40" s="52" t="s">
        <v>7</v>
      </c>
      <c r="E40" s="113" t="s">
        <v>7</v>
      </c>
      <c r="F40" s="124"/>
      <c r="G40" s="53"/>
      <c r="H40" s="90"/>
    </row>
    <row r="41" spans="1:8" ht="12.95" customHeight="1">
      <c r="A41" s="78" t="s">
        <v>7</v>
      </c>
      <c r="B41" s="108" t="s">
        <v>720</v>
      </c>
      <c r="C41" s="98" t="s">
        <v>7</v>
      </c>
      <c r="D41" s="52" t="s">
        <v>10</v>
      </c>
      <c r="E41" s="111" t="s">
        <v>7</v>
      </c>
      <c r="F41" s="52"/>
      <c r="G41" s="53"/>
      <c r="H41" s="90"/>
    </row>
    <row r="42" spans="1:8" ht="12.95" customHeight="1">
      <c r="A42" s="78" t="s">
        <v>7</v>
      </c>
      <c r="B42" s="109" t="s">
        <v>7</v>
      </c>
      <c r="C42" s="100" t="s">
        <v>7</v>
      </c>
      <c r="D42" s="60" t="s">
        <v>7</v>
      </c>
      <c r="E42" s="112" t="s">
        <v>134</v>
      </c>
      <c r="F42" s="126"/>
      <c r="G42" s="54"/>
      <c r="H42" s="91"/>
    </row>
    <row r="43" spans="1:8" ht="12.95" customHeight="1">
      <c r="A43" s="78" t="s">
        <v>7</v>
      </c>
      <c r="B43" s="110" t="s">
        <v>14</v>
      </c>
      <c r="C43" s="98" t="s">
        <v>7</v>
      </c>
      <c r="D43" s="52" t="s">
        <v>7</v>
      </c>
      <c r="E43" s="113" t="s">
        <v>7</v>
      </c>
      <c r="F43" s="52"/>
      <c r="G43" s="53"/>
      <c r="H43" s="90"/>
    </row>
    <row r="44" spans="1:8" ht="12.95" customHeight="1">
      <c r="A44" s="78" t="s">
        <v>7</v>
      </c>
      <c r="B44" s="108" t="s">
        <v>7</v>
      </c>
      <c r="C44" s="98" t="s">
        <v>7</v>
      </c>
      <c r="D44" s="52" t="s">
        <v>7</v>
      </c>
      <c r="E44" s="113" t="s">
        <v>7</v>
      </c>
      <c r="F44" s="52"/>
      <c r="G44" s="53"/>
      <c r="H44" s="90"/>
    </row>
    <row r="45" spans="1:8" ht="12.95" customHeight="1">
      <c r="A45" s="78" t="s">
        <v>7</v>
      </c>
      <c r="B45" s="109" t="s">
        <v>7</v>
      </c>
      <c r="C45" s="100" t="s">
        <v>7</v>
      </c>
      <c r="D45" s="60" t="s">
        <v>7</v>
      </c>
      <c r="E45" s="112" t="s">
        <v>7</v>
      </c>
      <c r="F45" s="60"/>
      <c r="G45" s="54"/>
      <c r="H45" s="91"/>
    </row>
    <row r="46" spans="1:8" ht="12.95" customHeight="1">
      <c r="A46" s="78"/>
      <c r="B46" s="45"/>
      <c r="C46" s="32"/>
      <c r="D46" s="61"/>
      <c r="E46" s="46"/>
      <c r="F46" s="61"/>
      <c r="G46" s="55"/>
      <c r="H46" s="12"/>
    </row>
    <row r="47" spans="1:8" ht="12.95" customHeight="1">
      <c r="A47" s="78"/>
      <c r="B47" s="40"/>
      <c r="C47" s="25"/>
      <c r="D47" s="52"/>
      <c r="E47" s="44"/>
      <c r="F47" s="52"/>
      <c r="G47" s="53"/>
      <c r="H47" s="5"/>
    </row>
    <row r="48" spans="1:8" ht="12.95" customHeight="1">
      <c r="A48" s="78"/>
      <c r="B48" s="42"/>
      <c r="C48" s="28"/>
      <c r="D48" s="60"/>
      <c r="E48" s="43"/>
      <c r="F48" s="60"/>
      <c r="G48" s="54"/>
      <c r="H48" s="8"/>
    </row>
    <row r="49" spans="1:8" ht="12.95" customHeight="1">
      <c r="A49" s="78" t="s">
        <v>7</v>
      </c>
      <c r="B49" s="114" t="s">
        <v>696</v>
      </c>
      <c r="C49" s="115" t="s">
        <v>7</v>
      </c>
      <c r="D49" s="58" t="s">
        <v>7</v>
      </c>
      <c r="E49" s="119" t="s">
        <v>7</v>
      </c>
      <c r="F49" s="123"/>
      <c r="G49" s="58"/>
      <c r="H49" s="121"/>
    </row>
    <row r="50" spans="1:8" ht="12.95" customHeight="1">
      <c r="A50" s="78" t="s">
        <v>7</v>
      </c>
      <c r="B50" s="108" t="s">
        <v>7</v>
      </c>
      <c r="C50" s="98" t="s">
        <v>7</v>
      </c>
      <c r="D50" s="53" t="s">
        <v>10</v>
      </c>
      <c r="E50" s="111" t="s">
        <v>7</v>
      </c>
      <c r="F50" s="124"/>
      <c r="G50" s="53"/>
      <c r="H50" s="90"/>
    </row>
    <row r="51" spans="1:8" ht="12.95" customHeight="1">
      <c r="A51" s="78" t="s">
        <v>7</v>
      </c>
      <c r="B51" s="116" t="s">
        <v>7</v>
      </c>
      <c r="C51" s="117" t="s">
        <v>7</v>
      </c>
      <c r="D51" s="57" t="s">
        <v>7</v>
      </c>
      <c r="E51" s="120" t="s">
        <v>11</v>
      </c>
      <c r="F51" s="125"/>
      <c r="G51" s="57"/>
      <c r="H51" s="122"/>
    </row>
    <row r="52" spans="1:8" ht="12.95" customHeight="1">
      <c r="A52" s="78" t="s">
        <v>7</v>
      </c>
      <c r="B52" s="118" t="s">
        <v>724</v>
      </c>
      <c r="C52" s="98" t="s">
        <v>725</v>
      </c>
      <c r="D52" s="52" t="s">
        <v>7</v>
      </c>
      <c r="E52" s="113" t="s">
        <v>7</v>
      </c>
      <c r="F52" s="124"/>
      <c r="G52" s="53"/>
      <c r="H52" s="90"/>
    </row>
    <row r="53" spans="1:8" ht="12.95" customHeight="1">
      <c r="A53" s="78" t="s">
        <v>7</v>
      </c>
      <c r="B53" s="108" t="s">
        <v>726</v>
      </c>
      <c r="C53" s="98" t="s">
        <v>7</v>
      </c>
      <c r="D53" s="52" t="s">
        <v>614</v>
      </c>
      <c r="E53" s="111" t="s">
        <v>7</v>
      </c>
      <c r="F53" s="52"/>
      <c r="G53" s="53"/>
      <c r="H53" s="90"/>
    </row>
    <row r="54" spans="1:8" ht="12.95" customHeight="1">
      <c r="A54" s="78" t="s">
        <v>7</v>
      </c>
      <c r="B54" s="109" t="s">
        <v>727</v>
      </c>
      <c r="C54" s="100" t="s">
        <v>7</v>
      </c>
      <c r="D54" s="60" t="s">
        <v>7</v>
      </c>
      <c r="E54" s="112" t="s">
        <v>616</v>
      </c>
      <c r="F54" s="126"/>
      <c r="G54" s="54"/>
      <c r="H54" s="91"/>
    </row>
    <row r="55" spans="1:8" ht="12.95" customHeight="1">
      <c r="A55" s="78" t="s">
        <v>7</v>
      </c>
      <c r="B55" s="118" t="s">
        <v>728</v>
      </c>
      <c r="C55" s="98" t="s">
        <v>729</v>
      </c>
      <c r="D55" s="52" t="s">
        <v>7</v>
      </c>
      <c r="E55" s="113" t="s">
        <v>7</v>
      </c>
      <c r="F55" s="124"/>
      <c r="G55" s="53"/>
      <c r="H55" s="90"/>
    </row>
    <row r="56" spans="1:8" ht="12.95" customHeight="1">
      <c r="A56" s="78" t="s">
        <v>7</v>
      </c>
      <c r="B56" s="108" t="s">
        <v>7</v>
      </c>
      <c r="C56" s="98" t="s">
        <v>7</v>
      </c>
      <c r="D56" s="52" t="s">
        <v>484</v>
      </c>
      <c r="E56" s="111" t="s">
        <v>7</v>
      </c>
      <c r="F56" s="52"/>
      <c r="G56" s="53"/>
      <c r="H56" s="90"/>
    </row>
    <row r="57" spans="1:8" ht="12.95" customHeight="1">
      <c r="A57" s="78" t="s">
        <v>7</v>
      </c>
      <c r="B57" s="109" t="s">
        <v>7</v>
      </c>
      <c r="C57" s="100" t="s">
        <v>7</v>
      </c>
      <c r="D57" s="60" t="s">
        <v>7</v>
      </c>
      <c r="E57" s="112" t="s">
        <v>616</v>
      </c>
      <c r="F57" s="126"/>
      <c r="G57" s="54"/>
      <c r="H57" s="91"/>
    </row>
    <row r="58" spans="1:8" ht="12.95" customHeight="1">
      <c r="A58" s="78" t="s">
        <v>7</v>
      </c>
      <c r="B58" s="118" t="s">
        <v>730</v>
      </c>
      <c r="C58" s="98" t="s">
        <v>731</v>
      </c>
      <c r="D58" s="52" t="s">
        <v>7</v>
      </c>
      <c r="E58" s="113" t="s">
        <v>7</v>
      </c>
      <c r="F58" s="124"/>
      <c r="G58" s="53"/>
      <c r="H58" s="90"/>
    </row>
    <row r="59" spans="1:8" ht="12.95" customHeight="1">
      <c r="A59" s="78" t="s">
        <v>7</v>
      </c>
      <c r="B59" s="108" t="s">
        <v>7</v>
      </c>
      <c r="C59" s="98" t="s">
        <v>7</v>
      </c>
      <c r="D59" s="52" t="s">
        <v>484</v>
      </c>
      <c r="E59" s="111" t="s">
        <v>7</v>
      </c>
      <c r="F59" s="52"/>
      <c r="G59" s="53"/>
      <c r="H59" s="90"/>
    </row>
    <row r="60" spans="1:8" ht="12.95" customHeight="1">
      <c r="A60" s="78" t="s">
        <v>7</v>
      </c>
      <c r="B60" s="109" t="s">
        <v>7</v>
      </c>
      <c r="C60" s="100" t="s">
        <v>7</v>
      </c>
      <c r="D60" s="60" t="s">
        <v>7</v>
      </c>
      <c r="E60" s="112" t="s">
        <v>616</v>
      </c>
      <c r="F60" s="126"/>
      <c r="G60" s="54"/>
      <c r="H60" s="91"/>
    </row>
    <row r="61" spans="1:8" ht="12.95" customHeight="1">
      <c r="A61" s="78" t="s">
        <v>7</v>
      </c>
      <c r="B61" s="110" t="s">
        <v>14</v>
      </c>
      <c r="C61" s="98" t="s">
        <v>7</v>
      </c>
      <c r="D61" s="52" t="s">
        <v>7</v>
      </c>
      <c r="E61" s="113" t="s">
        <v>7</v>
      </c>
      <c r="F61" s="52"/>
      <c r="G61" s="53"/>
      <c r="H61" s="90"/>
    </row>
    <row r="62" spans="1:8" ht="12.95" customHeight="1">
      <c r="A62" s="78" t="s">
        <v>7</v>
      </c>
      <c r="B62" s="108" t="s">
        <v>7</v>
      </c>
      <c r="C62" s="98" t="s">
        <v>7</v>
      </c>
      <c r="D62" s="52" t="s">
        <v>7</v>
      </c>
      <c r="E62" s="113" t="s">
        <v>7</v>
      </c>
      <c r="F62" s="52"/>
      <c r="G62" s="53"/>
      <c r="H62" s="90"/>
    </row>
    <row r="63" spans="1:8" ht="12.95" customHeight="1">
      <c r="A63" s="78" t="s">
        <v>7</v>
      </c>
      <c r="B63" s="109" t="s">
        <v>7</v>
      </c>
      <c r="C63" s="100" t="s">
        <v>7</v>
      </c>
      <c r="D63" s="60" t="s">
        <v>7</v>
      </c>
      <c r="E63" s="112" t="s">
        <v>7</v>
      </c>
      <c r="F63" s="60" t="s">
        <v>7</v>
      </c>
      <c r="G63" s="54" t="s">
        <v>7</v>
      </c>
      <c r="H63" s="91" t="s">
        <v>7</v>
      </c>
    </row>
    <row r="64" spans="1:8" ht="0.95" customHeight="1">
      <c r="B64" s="19"/>
      <c r="C64" s="19"/>
      <c r="D64" s="19"/>
      <c r="E64" s="19"/>
      <c r="F64" s="59"/>
      <c r="G64" s="19"/>
      <c r="H64" s="19"/>
    </row>
    <row r="65" spans="1:8" s="1" customFormat="1" ht="18" customHeight="1">
      <c r="B65" s="79" t="s">
        <v>707</v>
      </c>
      <c r="C65" s="79"/>
      <c r="D65" s="79"/>
      <c r="E65" s="79"/>
      <c r="F65" s="79"/>
      <c r="G65" s="79"/>
      <c r="H65" s="80"/>
    </row>
    <row r="66" spans="1:8" ht="21" customHeight="1">
      <c r="A66" s="78"/>
      <c r="B66" s="207" t="s">
        <v>652</v>
      </c>
      <c r="C66" s="208"/>
      <c r="D66" s="208" t="s">
        <v>691</v>
      </c>
      <c r="E66" s="208"/>
      <c r="F66" s="208"/>
      <c r="G66" s="208" t="s">
        <v>692</v>
      </c>
      <c r="H66" s="209"/>
    </row>
    <row r="67" spans="1:8" ht="21" customHeight="1">
      <c r="A67" s="78"/>
      <c r="B67" s="105" t="s">
        <v>87</v>
      </c>
      <c r="C67" s="106" t="s">
        <v>88</v>
      </c>
      <c r="D67" s="106" t="s">
        <v>56</v>
      </c>
      <c r="E67" s="106" t="s">
        <v>2</v>
      </c>
      <c r="F67" s="106" t="s">
        <v>89</v>
      </c>
      <c r="G67" s="106" t="s">
        <v>58</v>
      </c>
      <c r="H67" s="107" t="s">
        <v>4</v>
      </c>
    </row>
    <row r="68" spans="1:8" ht="12.95" customHeight="1">
      <c r="A68" s="78" t="s">
        <v>7</v>
      </c>
      <c r="B68" s="114" t="s">
        <v>697</v>
      </c>
      <c r="C68" s="115" t="s">
        <v>7</v>
      </c>
      <c r="D68" s="58" t="s">
        <v>7</v>
      </c>
      <c r="E68" s="119" t="s">
        <v>7</v>
      </c>
      <c r="F68" s="123"/>
      <c r="G68" s="58"/>
      <c r="H68" s="121"/>
    </row>
    <row r="69" spans="1:8" ht="12.95" customHeight="1">
      <c r="A69" s="78" t="s">
        <v>7</v>
      </c>
      <c r="B69" s="108" t="s">
        <v>7</v>
      </c>
      <c r="C69" s="98" t="s">
        <v>7</v>
      </c>
      <c r="D69" s="53" t="s">
        <v>10</v>
      </c>
      <c r="E69" s="111" t="s">
        <v>7</v>
      </c>
      <c r="F69" s="124"/>
      <c r="G69" s="53"/>
      <c r="H69" s="90"/>
    </row>
    <row r="70" spans="1:8" ht="12.95" customHeight="1">
      <c r="A70" s="78" t="s">
        <v>7</v>
      </c>
      <c r="B70" s="116" t="s">
        <v>7</v>
      </c>
      <c r="C70" s="117" t="s">
        <v>7</v>
      </c>
      <c r="D70" s="57" t="s">
        <v>7</v>
      </c>
      <c r="E70" s="120" t="s">
        <v>11</v>
      </c>
      <c r="F70" s="125"/>
      <c r="G70" s="57"/>
      <c r="H70" s="122"/>
    </row>
    <row r="71" spans="1:8" ht="12.95" customHeight="1">
      <c r="A71" s="78" t="s">
        <v>7</v>
      </c>
      <c r="B71" s="118" t="s">
        <v>732</v>
      </c>
      <c r="C71" s="98" t="s">
        <v>733</v>
      </c>
      <c r="D71" s="52" t="s">
        <v>7</v>
      </c>
      <c r="E71" s="113" t="s">
        <v>7</v>
      </c>
      <c r="F71" s="124"/>
      <c r="G71" s="53"/>
      <c r="H71" s="90"/>
    </row>
    <row r="72" spans="1:8" ht="12.95" customHeight="1">
      <c r="A72" s="78" t="s">
        <v>7</v>
      </c>
      <c r="B72" s="108" t="s">
        <v>734</v>
      </c>
      <c r="C72" s="98" t="s">
        <v>735</v>
      </c>
      <c r="D72" s="52" t="s">
        <v>484</v>
      </c>
      <c r="E72" s="111" t="s">
        <v>7</v>
      </c>
      <c r="F72" s="52"/>
      <c r="G72" s="53"/>
      <c r="H72" s="90"/>
    </row>
    <row r="73" spans="1:8" ht="12.95" customHeight="1">
      <c r="A73" s="78" t="s">
        <v>7</v>
      </c>
      <c r="B73" s="109" t="s">
        <v>7</v>
      </c>
      <c r="C73" s="100" t="s">
        <v>7</v>
      </c>
      <c r="D73" s="60" t="s">
        <v>7</v>
      </c>
      <c r="E73" s="112" t="s">
        <v>616</v>
      </c>
      <c r="F73" s="126"/>
      <c r="G73" s="54"/>
      <c r="H73" s="91"/>
    </row>
    <row r="74" spans="1:8" ht="12.95" customHeight="1">
      <c r="A74" s="78" t="s">
        <v>7</v>
      </c>
      <c r="B74" s="118" t="s">
        <v>736</v>
      </c>
      <c r="C74" s="98" t="s">
        <v>737</v>
      </c>
      <c r="D74" s="52" t="s">
        <v>7</v>
      </c>
      <c r="E74" s="113" t="s">
        <v>7</v>
      </c>
      <c r="F74" s="124"/>
      <c r="G74" s="53"/>
      <c r="H74" s="90"/>
    </row>
    <row r="75" spans="1:8" ht="12.95" customHeight="1">
      <c r="A75" s="78" t="s">
        <v>7</v>
      </c>
      <c r="B75" s="108" t="s">
        <v>734</v>
      </c>
      <c r="C75" s="98" t="s">
        <v>7</v>
      </c>
      <c r="D75" s="52" t="s">
        <v>458</v>
      </c>
      <c r="E75" s="111" t="s">
        <v>7</v>
      </c>
      <c r="F75" s="52"/>
      <c r="G75" s="53"/>
      <c r="H75" s="90"/>
    </row>
    <row r="76" spans="1:8" ht="12.95" customHeight="1">
      <c r="A76" s="78" t="s">
        <v>7</v>
      </c>
      <c r="B76" s="109" t="s">
        <v>7</v>
      </c>
      <c r="C76" s="100" t="s">
        <v>7</v>
      </c>
      <c r="D76" s="60" t="s">
        <v>7</v>
      </c>
      <c r="E76" s="112" t="s">
        <v>616</v>
      </c>
      <c r="F76" s="126"/>
      <c r="G76" s="54"/>
      <c r="H76" s="91"/>
    </row>
    <row r="77" spans="1:8" ht="12.95" customHeight="1">
      <c r="A77" s="78" t="s">
        <v>7</v>
      </c>
      <c r="B77" s="118" t="s">
        <v>738</v>
      </c>
      <c r="C77" s="98" t="s">
        <v>739</v>
      </c>
      <c r="D77" s="52" t="s">
        <v>7</v>
      </c>
      <c r="E77" s="113" t="s">
        <v>7</v>
      </c>
      <c r="F77" s="124"/>
      <c r="G77" s="53"/>
      <c r="H77" s="90"/>
    </row>
    <row r="78" spans="1:8" ht="12.95" customHeight="1">
      <c r="A78" s="78" t="s">
        <v>7</v>
      </c>
      <c r="B78" s="108" t="s">
        <v>740</v>
      </c>
      <c r="C78" s="98" t="s">
        <v>7</v>
      </c>
      <c r="D78" s="52" t="s">
        <v>458</v>
      </c>
      <c r="E78" s="111" t="s">
        <v>7</v>
      </c>
      <c r="F78" s="52"/>
      <c r="G78" s="53"/>
      <c r="H78" s="90"/>
    </row>
    <row r="79" spans="1:8" ht="12.95" customHeight="1">
      <c r="A79" s="78" t="s">
        <v>7</v>
      </c>
      <c r="B79" s="109" t="s">
        <v>7</v>
      </c>
      <c r="C79" s="100" t="s">
        <v>7</v>
      </c>
      <c r="D79" s="60" t="s">
        <v>7</v>
      </c>
      <c r="E79" s="112" t="s">
        <v>616</v>
      </c>
      <c r="F79" s="126"/>
      <c r="G79" s="54"/>
      <c r="H79" s="91"/>
    </row>
    <row r="80" spans="1:8" ht="12.95" customHeight="1">
      <c r="A80" s="78" t="s">
        <v>7</v>
      </c>
      <c r="B80" s="118" t="s">
        <v>741</v>
      </c>
      <c r="C80" s="98" t="s">
        <v>7</v>
      </c>
      <c r="D80" s="52" t="s">
        <v>7</v>
      </c>
      <c r="E80" s="113" t="s">
        <v>7</v>
      </c>
      <c r="F80" s="124"/>
      <c r="G80" s="53"/>
      <c r="H80" s="90"/>
    </row>
    <row r="81" spans="1:8" ht="12.95" customHeight="1">
      <c r="A81" s="78" t="s">
        <v>7</v>
      </c>
      <c r="B81" s="108" t="s">
        <v>7</v>
      </c>
      <c r="C81" s="98" t="s">
        <v>7</v>
      </c>
      <c r="D81" s="52" t="s">
        <v>10</v>
      </c>
      <c r="E81" s="111" t="s">
        <v>7</v>
      </c>
      <c r="F81" s="52"/>
      <c r="G81" s="53"/>
      <c r="H81" s="90"/>
    </row>
    <row r="82" spans="1:8" ht="12.95" customHeight="1">
      <c r="A82" s="78" t="s">
        <v>7</v>
      </c>
      <c r="B82" s="109" t="s">
        <v>7</v>
      </c>
      <c r="C82" s="100" t="s">
        <v>7</v>
      </c>
      <c r="D82" s="60" t="s">
        <v>7</v>
      </c>
      <c r="E82" s="112" t="s">
        <v>616</v>
      </c>
      <c r="F82" s="126"/>
      <c r="G82" s="54"/>
      <c r="H82" s="91"/>
    </row>
    <row r="83" spans="1:8" ht="12.95" customHeight="1">
      <c r="A83" s="78" t="s">
        <v>7</v>
      </c>
      <c r="B83" s="110" t="s">
        <v>14</v>
      </c>
      <c r="C83" s="98" t="s">
        <v>7</v>
      </c>
      <c r="D83" s="52" t="s">
        <v>7</v>
      </c>
      <c r="E83" s="113" t="s">
        <v>7</v>
      </c>
      <c r="F83" s="52"/>
      <c r="G83" s="53"/>
      <c r="H83" s="90"/>
    </row>
    <row r="84" spans="1:8" ht="12.95" customHeight="1">
      <c r="A84" s="78" t="s">
        <v>7</v>
      </c>
      <c r="B84" s="108" t="s">
        <v>7</v>
      </c>
      <c r="C84" s="98" t="s">
        <v>7</v>
      </c>
      <c r="D84" s="52" t="s">
        <v>7</v>
      </c>
      <c r="E84" s="113" t="s">
        <v>7</v>
      </c>
      <c r="F84" s="52"/>
      <c r="G84" s="53"/>
      <c r="H84" s="90"/>
    </row>
    <row r="85" spans="1:8" ht="12.95" customHeight="1">
      <c r="A85" s="78" t="s">
        <v>7</v>
      </c>
      <c r="B85" s="109" t="s">
        <v>7</v>
      </c>
      <c r="C85" s="100" t="s">
        <v>7</v>
      </c>
      <c r="D85" s="60" t="s">
        <v>7</v>
      </c>
      <c r="E85" s="112" t="s">
        <v>7</v>
      </c>
      <c r="F85" s="60"/>
      <c r="G85" s="54"/>
      <c r="H85" s="91"/>
    </row>
    <row r="86" spans="1:8" ht="12.95" customHeight="1">
      <c r="A86" s="78"/>
      <c r="B86" s="45"/>
      <c r="C86" s="32"/>
      <c r="D86" s="61"/>
      <c r="E86" s="46"/>
      <c r="F86" s="61"/>
      <c r="G86" s="55"/>
      <c r="H86" s="12"/>
    </row>
    <row r="87" spans="1:8" ht="12.95" customHeight="1">
      <c r="A87" s="78"/>
      <c r="B87" s="40"/>
      <c r="C87" s="25"/>
      <c r="D87" s="52"/>
      <c r="E87" s="44"/>
      <c r="F87" s="52"/>
      <c r="G87" s="53"/>
      <c r="H87" s="5"/>
    </row>
    <row r="88" spans="1:8" ht="12.95" customHeight="1">
      <c r="A88" s="78"/>
      <c r="B88" s="42"/>
      <c r="C88" s="28"/>
      <c r="D88" s="60"/>
      <c r="E88" s="43"/>
      <c r="F88" s="60"/>
      <c r="G88" s="54"/>
      <c r="H88" s="8"/>
    </row>
    <row r="89" spans="1:8" ht="12.95" customHeight="1">
      <c r="A89" s="78" t="s">
        <v>7</v>
      </c>
      <c r="B89" s="114" t="s">
        <v>698</v>
      </c>
      <c r="C89" s="115" t="s">
        <v>7</v>
      </c>
      <c r="D89" s="58" t="s">
        <v>7</v>
      </c>
      <c r="E89" s="119" t="s">
        <v>7</v>
      </c>
      <c r="F89" s="123"/>
      <c r="G89" s="58"/>
      <c r="H89" s="121"/>
    </row>
    <row r="90" spans="1:8" ht="12.95" customHeight="1">
      <c r="A90" s="78" t="s">
        <v>7</v>
      </c>
      <c r="B90" s="108" t="s">
        <v>7</v>
      </c>
      <c r="C90" s="98" t="s">
        <v>7</v>
      </c>
      <c r="D90" s="53" t="s">
        <v>10</v>
      </c>
      <c r="E90" s="111" t="s">
        <v>7</v>
      </c>
      <c r="F90" s="124"/>
      <c r="G90" s="53"/>
      <c r="H90" s="90"/>
    </row>
    <row r="91" spans="1:8" ht="12.95" customHeight="1">
      <c r="A91" s="78" t="s">
        <v>7</v>
      </c>
      <c r="B91" s="116" t="s">
        <v>7</v>
      </c>
      <c r="C91" s="117" t="s">
        <v>7</v>
      </c>
      <c r="D91" s="57" t="s">
        <v>7</v>
      </c>
      <c r="E91" s="120" t="s">
        <v>11</v>
      </c>
      <c r="F91" s="125"/>
      <c r="G91" s="57"/>
      <c r="H91" s="122"/>
    </row>
    <row r="92" spans="1:8" ht="12.95" customHeight="1">
      <c r="A92" s="78" t="s">
        <v>7</v>
      </c>
      <c r="B92" s="118" t="s">
        <v>742</v>
      </c>
      <c r="C92" s="98" t="s">
        <v>743</v>
      </c>
      <c r="D92" s="52" t="s">
        <v>7</v>
      </c>
      <c r="E92" s="113" t="s">
        <v>7</v>
      </c>
      <c r="F92" s="124"/>
      <c r="G92" s="53"/>
      <c r="H92" s="90"/>
    </row>
    <row r="93" spans="1:8" ht="12.95" customHeight="1">
      <c r="A93" s="78" t="s">
        <v>7</v>
      </c>
      <c r="B93" s="108" t="s">
        <v>7</v>
      </c>
      <c r="C93" s="98" t="s">
        <v>7</v>
      </c>
      <c r="D93" s="52" t="s">
        <v>10</v>
      </c>
      <c r="E93" s="111" t="s">
        <v>7</v>
      </c>
      <c r="F93" s="52"/>
      <c r="G93" s="53"/>
      <c r="H93" s="90"/>
    </row>
    <row r="94" spans="1:8" ht="12.95" customHeight="1">
      <c r="A94" s="78" t="s">
        <v>7</v>
      </c>
      <c r="B94" s="109" t="s">
        <v>7</v>
      </c>
      <c r="C94" s="100" t="s">
        <v>7</v>
      </c>
      <c r="D94" s="60" t="s">
        <v>7</v>
      </c>
      <c r="E94" s="112" t="s">
        <v>574</v>
      </c>
      <c r="F94" s="126"/>
      <c r="G94" s="54"/>
      <c r="H94" s="91"/>
    </row>
    <row r="95" spans="1:8" ht="12.95" customHeight="1">
      <c r="A95" s="78" t="s">
        <v>7</v>
      </c>
      <c r="B95" s="118" t="s">
        <v>744</v>
      </c>
      <c r="C95" s="98" t="s">
        <v>745</v>
      </c>
      <c r="D95" s="52" t="s">
        <v>7</v>
      </c>
      <c r="E95" s="113" t="s">
        <v>7</v>
      </c>
      <c r="F95" s="124"/>
      <c r="G95" s="53"/>
      <c r="H95" s="90"/>
    </row>
    <row r="96" spans="1:8" ht="12.95" customHeight="1">
      <c r="A96" s="78" t="s">
        <v>7</v>
      </c>
      <c r="B96" s="108" t="s">
        <v>7</v>
      </c>
      <c r="C96" s="98" t="s">
        <v>7</v>
      </c>
      <c r="D96" s="52" t="s">
        <v>10</v>
      </c>
      <c r="E96" s="111" t="s">
        <v>7</v>
      </c>
      <c r="F96" s="52"/>
      <c r="G96" s="53"/>
      <c r="H96" s="90"/>
    </row>
    <row r="97" spans="1:8" ht="12.95" customHeight="1">
      <c r="A97" s="78" t="s">
        <v>7</v>
      </c>
      <c r="B97" s="109" t="s">
        <v>7</v>
      </c>
      <c r="C97" s="100" t="s">
        <v>7</v>
      </c>
      <c r="D97" s="60" t="s">
        <v>7</v>
      </c>
      <c r="E97" s="112" t="s">
        <v>574</v>
      </c>
      <c r="F97" s="126"/>
      <c r="G97" s="54"/>
      <c r="H97" s="91"/>
    </row>
    <row r="98" spans="1:8" ht="12.95" customHeight="1">
      <c r="A98" s="78" t="s">
        <v>7</v>
      </c>
      <c r="B98" s="118" t="s">
        <v>746</v>
      </c>
      <c r="C98" s="98" t="s">
        <v>747</v>
      </c>
      <c r="D98" s="52" t="s">
        <v>7</v>
      </c>
      <c r="E98" s="113" t="s">
        <v>7</v>
      </c>
      <c r="F98" s="124"/>
      <c r="G98" s="53"/>
      <c r="H98" s="90"/>
    </row>
    <row r="99" spans="1:8" ht="12.95" customHeight="1">
      <c r="A99" s="78" t="s">
        <v>7</v>
      </c>
      <c r="B99" s="108" t="s">
        <v>7</v>
      </c>
      <c r="C99" s="98" t="s">
        <v>7</v>
      </c>
      <c r="D99" s="52" t="s">
        <v>10</v>
      </c>
      <c r="E99" s="111" t="s">
        <v>7</v>
      </c>
      <c r="F99" s="52"/>
      <c r="G99" s="53"/>
      <c r="H99" s="90"/>
    </row>
    <row r="100" spans="1:8" ht="12.95" customHeight="1">
      <c r="A100" s="78" t="s">
        <v>7</v>
      </c>
      <c r="B100" s="109" t="s">
        <v>7</v>
      </c>
      <c r="C100" s="100" t="s">
        <v>7</v>
      </c>
      <c r="D100" s="60" t="s">
        <v>7</v>
      </c>
      <c r="E100" s="112" t="s">
        <v>574</v>
      </c>
      <c r="F100" s="126"/>
      <c r="G100" s="54"/>
      <c r="H100" s="91"/>
    </row>
    <row r="101" spans="1:8" ht="12.95" customHeight="1">
      <c r="A101" s="78" t="s">
        <v>7</v>
      </c>
      <c r="B101" s="110" t="s">
        <v>14</v>
      </c>
      <c r="C101" s="98" t="s">
        <v>7</v>
      </c>
      <c r="D101" s="52" t="s">
        <v>7</v>
      </c>
      <c r="E101" s="113" t="s">
        <v>7</v>
      </c>
      <c r="F101" s="52"/>
      <c r="G101" s="53"/>
      <c r="H101" s="90"/>
    </row>
    <row r="102" spans="1:8" ht="12.95" customHeight="1">
      <c r="A102" s="78" t="s">
        <v>7</v>
      </c>
      <c r="B102" s="108" t="s">
        <v>7</v>
      </c>
      <c r="C102" s="98" t="s">
        <v>7</v>
      </c>
      <c r="D102" s="52" t="s">
        <v>7</v>
      </c>
      <c r="E102" s="113" t="s">
        <v>7</v>
      </c>
      <c r="F102" s="52"/>
      <c r="G102" s="53"/>
      <c r="H102" s="90"/>
    </row>
    <row r="103" spans="1:8" ht="12.95" customHeight="1">
      <c r="A103" s="78" t="s">
        <v>7</v>
      </c>
      <c r="B103" s="109" t="s">
        <v>7</v>
      </c>
      <c r="C103" s="100" t="s">
        <v>7</v>
      </c>
      <c r="D103" s="60" t="s">
        <v>7</v>
      </c>
      <c r="E103" s="112" t="s">
        <v>7</v>
      </c>
      <c r="F103" s="60"/>
      <c r="G103" s="54"/>
      <c r="H103" s="91"/>
    </row>
    <row r="104" spans="1:8" ht="12.95" customHeight="1">
      <c r="A104" s="78"/>
      <c r="B104" s="45"/>
      <c r="C104" s="32"/>
      <c r="D104" s="61"/>
      <c r="E104" s="47"/>
      <c r="F104" s="65"/>
      <c r="G104" s="55"/>
      <c r="H104" s="12"/>
    </row>
    <row r="105" spans="1:8" ht="12.95" customHeight="1">
      <c r="A105" s="78"/>
      <c r="B105" s="40"/>
      <c r="C105" s="25"/>
      <c r="D105" s="52"/>
      <c r="E105" s="44"/>
      <c r="F105" s="52"/>
      <c r="G105" s="53"/>
      <c r="H105" s="5"/>
    </row>
    <row r="106" spans="1:8" ht="12.95" customHeight="1">
      <c r="A106" s="78"/>
      <c r="B106" s="42"/>
      <c r="C106" s="28"/>
      <c r="D106" s="60"/>
      <c r="E106" s="43"/>
      <c r="F106" s="60"/>
      <c r="G106" s="54"/>
      <c r="H106" s="8"/>
    </row>
    <row r="107" spans="1:8" ht="12.95" customHeight="1">
      <c r="A107" s="78"/>
      <c r="B107" s="45"/>
      <c r="C107" s="32"/>
      <c r="D107" s="61"/>
      <c r="E107" s="46"/>
      <c r="F107" s="61"/>
      <c r="G107" s="55"/>
      <c r="H107" s="12"/>
    </row>
    <row r="108" spans="1:8" ht="12.95" customHeight="1">
      <c r="A108" s="78"/>
      <c r="B108" s="40"/>
      <c r="C108" s="25"/>
      <c r="D108" s="52"/>
      <c r="E108" s="44"/>
      <c r="F108" s="52"/>
      <c r="G108" s="53"/>
      <c r="H108" s="5"/>
    </row>
    <row r="109" spans="1:8" ht="12.95" customHeight="1">
      <c r="A109" s="78"/>
      <c r="B109" s="42"/>
      <c r="C109" s="28"/>
      <c r="D109" s="60"/>
      <c r="E109" s="43"/>
      <c r="F109" s="60"/>
      <c r="G109" s="54"/>
      <c r="H109" s="8"/>
    </row>
    <row r="110" spans="1:8" ht="12.95" customHeight="1">
      <c r="A110" s="78"/>
      <c r="B110" s="45"/>
      <c r="C110" s="32"/>
      <c r="D110" s="61"/>
      <c r="E110" s="46"/>
      <c r="F110" s="61"/>
      <c r="G110" s="55"/>
      <c r="H110" s="12"/>
    </row>
    <row r="111" spans="1:8" ht="12.95" customHeight="1">
      <c r="A111" s="78"/>
      <c r="B111" s="40"/>
      <c r="C111" s="25"/>
      <c r="D111" s="52"/>
      <c r="E111" s="44"/>
      <c r="F111" s="52"/>
      <c r="G111" s="53"/>
      <c r="H111" s="5"/>
    </row>
    <row r="112" spans="1:8" ht="12.95" customHeight="1">
      <c r="A112" s="78"/>
      <c r="B112" s="42"/>
      <c r="C112" s="28"/>
      <c r="D112" s="60"/>
      <c r="E112" s="43"/>
      <c r="F112" s="60"/>
      <c r="G112" s="54"/>
      <c r="H112" s="8"/>
    </row>
    <row r="113" spans="1:8" ht="12.95" customHeight="1">
      <c r="A113" s="78"/>
      <c r="B113" s="45"/>
      <c r="C113" s="32"/>
      <c r="D113" s="61"/>
      <c r="E113" s="46"/>
      <c r="F113" s="61"/>
      <c r="G113" s="55"/>
      <c r="H113" s="12"/>
    </row>
    <row r="114" spans="1:8" ht="12.95" customHeight="1">
      <c r="A114" s="78"/>
      <c r="B114" s="40"/>
      <c r="C114" s="25"/>
      <c r="D114" s="52"/>
      <c r="E114" s="41"/>
      <c r="F114" s="64"/>
      <c r="G114" s="53"/>
      <c r="H114" s="5"/>
    </row>
    <row r="115" spans="1:8" ht="12.95" customHeight="1">
      <c r="A115" s="78"/>
      <c r="B115" s="42"/>
      <c r="C115" s="28"/>
      <c r="D115" s="60"/>
      <c r="E115" s="43"/>
      <c r="F115" s="60"/>
      <c r="G115" s="54"/>
      <c r="H115" s="8"/>
    </row>
    <row r="116" spans="1:8" ht="12.95" customHeight="1">
      <c r="A116" s="78"/>
      <c r="B116" s="45"/>
      <c r="C116" s="32"/>
      <c r="D116" s="61"/>
      <c r="E116" s="46"/>
      <c r="F116" s="61"/>
      <c r="G116" s="55"/>
      <c r="H116" s="12"/>
    </row>
    <row r="117" spans="1:8" ht="12.95" customHeight="1">
      <c r="A117" s="78"/>
      <c r="B117" s="40"/>
      <c r="C117" s="25"/>
      <c r="D117" s="52"/>
      <c r="E117" s="44"/>
      <c r="F117" s="52"/>
      <c r="G117" s="53"/>
      <c r="H117" s="5"/>
    </row>
    <row r="118" spans="1:8" ht="12.95" customHeight="1">
      <c r="A118" s="78"/>
      <c r="B118" s="42"/>
      <c r="C118" s="28"/>
      <c r="D118" s="60"/>
      <c r="E118" s="43"/>
      <c r="F118" s="60"/>
      <c r="G118" s="54"/>
      <c r="H118" s="8"/>
    </row>
    <row r="119" spans="1:8" ht="12.95" customHeight="1">
      <c r="A119" s="78"/>
      <c r="B119" s="45"/>
      <c r="C119" s="32"/>
      <c r="D119" s="61"/>
      <c r="E119" s="46"/>
      <c r="F119" s="61"/>
      <c r="G119" s="55"/>
      <c r="H119" s="12"/>
    </row>
    <row r="120" spans="1:8" ht="12.95" customHeight="1">
      <c r="A120" s="78"/>
      <c r="B120" s="40"/>
      <c r="C120" s="25"/>
      <c r="D120" s="52"/>
      <c r="E120" s="44"/>
      <c r="F120" s="52"/>
      <c r="G120" s="53"/>
      <c r="H120" s="5"/>
    </row>
    <row r="121" spans="1:8" ht="12.95" customHeight="1">
      <c r="A121" s="78"/>
      <c r="B121" s="42"/>
      <c r="C121" s="28"/>
      <c r="D121" s="60"/>
      <c r="E121" s="43"/>
      <c r="F121" s="60"/>
      <c r="G121" s="54"/>
      <c r="H121" s="8"/>
    </row>
    <row r="122" spans="1:8" ht="12.95" customHeight="1">
      <c r="A122" s="78"/>
      <c r="B122" s="45"/>
      <c r="C122" s="32"/>
      <c r="D122" s="61"/>
      <c r="E122" s="46"/>
      <c r="F122" s="61"/>
      <c r="G122" s="55"/>
      <c r="H122" s="12"/>
    </row>
    <row r="123" spans="1:8" ht="12.95" customHeight="1">
      <c r="A123" s="78"/>
      <c r="B123" s="40"/>
      <c r="C123" s="25"/>
      <c r="D123" s="52"/>
      <c r="E123" s="44"/>
      <c r="F123" s="52"/>
      <c r="G123" s="53"/>
      <c r="H123" s="5"/>
    </row>
    <row r="124" spans="1:8" ht="12.95" customHeight="1">
      <c r="A124" s="78"/>
      <c r="B124" s="42"/>
      <c r="C124" s="28"/>
      <c r="D124" s="60"/>
      <c r="E124" s="48"/>
      <c r="F124" s="66"/>
      <c r="G124" s="54"/>
      <c r="H124" s="8"/>
    </row>
    <row r="125" spans="1:8" ht="12.95" customHeight="1">
      <c r="A125" s="78"/>
      <c r="B125" s="45"/>
      <c r="C125" s="32"/>
      <c r="D125" s="61"/>
      <c r="E125" s="46"/>
      <c r="F125" s="61"/>
      <c r="G125" s="55"/>
      <c r="H125" s="12"/>
    </row>
    <row r="126" spans="1:8" ht="12.95" customHeight="1">
      <c r="A126" s="78"/>
      <c r="B126" s="40"/>
      <c r="C126" s="25"/>
      <c r="D126" s="62"/>
      <c r="E126" s="49"/>
      <c r="F126" s="62"/>
      <c r="G126" s="53"/>
      <c r="H126" s="5"/>
    </row>
    <row r="127" spans="1:8" ht="12.95" customHeight="1">
      <c r="A127" s="78"/>
      <c r="B127" s="50"/>
      <c r="C127" s="38"/>
      <c r="D127" s="63"/>
      <c r="E127" s="51"/>
      <c r="F127" s="63"/>
      <c r="G127" s="57"/>
      <c r="H127" s="18"/>
    </row>
    <row r="128" spans="1:8" ht="0.95" customHeight="1">
      <c r="B128" s="19"/>
      <c r="C128" s="19"/>
      <c r="D128" s="19"/>
      <c r="E128" s="19"/>
      <c r="F128" s="59"/>
      <c r="G128" s="19"/>
      <c r="H128" s="19"/>
    </row>
    <row r="129" spans="1:8" s="1" customFormat="1" ht="18" customHeight="1">
      <c r="B129" s="79" t="s">
        <v>707</v>
      </c>
      <c r="C129" s="79"/>
      <c r="D129" s="79"/>
      <c r="E129" s="79"/>
      <c r="F129" s="79"/>
      <c r="G129" s="79"/>
      <c r="H129" s="80"/>
    </row>
    <row r="130" spans="1:8" ht="21" customHeight="1">
      <c r="A130" s="78"/>
      <c r="B130" s="207" t="s">
        <v>652</v>
      </c>
      <c r="C130" s="208"/>
      <c r="D130" s="208" t="s">
        <v>691</v>
      </c>
      <c r="E130" s="208"/>
      <c r="F130" s="208"/>
      <c r="G130" s="208" t="s">
        <v>692</v>
      </c>
      <c r="H130" s="209"/>
    </row>
    <row r="131" spans="1:8" ht="21" customHeight="1">
      <c r="A131" s="78"/>
      <c r="B131" s="105" t="s">
        <v>87</v>
      </c>
      <c r="C131" s="106" t="s">
        <v>88</v>
      </c>
      <c r="D131" s="106" t="s">
        <v>56</v>
      </c>
      <c r="E131" s="106" t="s">
        <v>2</v>
      </c>
      <c r="F131" s="106" t="s">
        <v>89</v>
      </c>
      <c r="G131" s="106" t="s">
        <v>58</v>
      </c>
      <c r="H131" s="107" t="s">
        <v>4</v>
      </c>
    </row>
    <row r="132" spans="1:8" ht="12.95" customHeight="1">
      <c r="A132" s="78" t="s">
        <v>7</v>
      </c>
      <c r="B132" s="114" t="s">
        <v>65</v>
      </c>
      <c r="C132" s="115" t="s">
        <v>7</v>
      </c>
      <c r="D132" s="58" t="s">
        <v>7</v>
      </c>
      <c r="E132" s="119" t="s">
        <v>7</v>
      </c>
      <c r="F132" s="123"/>
      <c r="G132" s="58"/>
      <c r="H132" s="121"/>
    </row>
    <row r="133" spans="1:8" ht="12.95" customHeight="1">
      <c r="A133" s="78" t="s">
        <v>7</v>
      </c>
      <c r="B133" s="108" t="s">
        <v>7</v>
      </c>
      <c r="C133" s="98" t="s">
        <v>7</v>
      </c>
      <c r="D133" s="53" t="s">
        <v>10</v>
      </c>
      <c r="E133" s="111" t="s">
        <v>7</v>
      </c>
      <c r="F133" s="124"/>
      <c r="G133" s="53"/>
      <c r="H133" s="90"/>
    </row>
    <row r="134" spans="1:8" ht="12.95" customHeight="1">
      <c r="A134" s="78" t="s">
        <v>7</v>
      </c>
      <c r="B134" s="116" t="s">
        <v>7</v>
      </c>
      <c r="C134" s="117" t="s">
        <v>7</v>
      </c>
      <c r="D134" s="57" t="s">
        <v>7</v>
      </c>
      <c r="E134" s="120" t="s">
        <v>11</v>
      </c>
      <c r="F134" s="125"/>
      <c r="G134" s="57"/>
      <c r="H134" s="122"/>
    </row>
    <row r="135" spans="1:8" ht="12.95" customHeight="1">
      <c r="A135" s="78" t="s">
        <v>7</v>
      </c>
      <c r="B135" s="118" t="s">
        <v>748</v>
      </c>
      <c r="C135" s="98" t="s">
        <v>749</v>
      </c>
      <c r="D135" s="52" t="s">
        <v>7</v>
      </c>
      <c r="E135" s="113" t="s">
        <v>7</v>
      </c>
      <c r="F135" s="124"/>
      <c r="G135" s="53"/>
      <c r="H135" s="90"/>
    </row>
    <row r="136" spans="1:8" ht="12.95" customHeight="1">
      <c r="A136" s="78" t="s">
        <v>7</v>
      </c>
      <c r="B136" s="108" t="s">
        <v>65</v>
      </c>
      <c r="C136" s="98" t="s">
        <v>7</v>
      </c>
      <c r="D136" s="52" t="s">
        <v>750</v>
      </c>
      <c r="E136" s="111" t="s">
        <v>7</v>
      </c>
      <c r="F136" s="52"/>
      <c r="G136" s="53"/>
      <c r="H136" s="90"/>
    </row>
    <row r="137" spans="1:8" ht="12.95" customHeight="1">
      <c r="A137" s="78" t="s">
        <v>7</v>
      </c>
      <c r="B137" s="109" t="s">
        <v>7</v>
      </c>
      <c r="C137" s="100" t="s">
        <v>7</v>
      </c>
      <c r="D137" s="60" t="s">
        <v>7</v>
      </c>
      <c r="E137" s="112" t="s">
        <v>134</v>
      </c>
      <c r="F137" s="126"/>
      <c r="G137" s="54"/>
      <c r="H137" s="91"/>
    </row>
    <row r="138" spans="1:8" ht="12.95" customHeight="1">
      <c r="A138" s="78" t="s">
        <v>7</v>
      </c>
      <c r="B138" s="118" t="s">
        <v>751</v>
      </c>
      <c r="C138" s="98" t="s">
        <v>752</v>
      </c>
      <c r="D138" s="52" t="s">
        <v>7</v>
      </c>
      <c r="E138" s="113" t="s">
        <v>7</v>
      </c>
      <c r="F138" s="124"/>
      <c r="G138" s="53"/>
      <c r="H138" s="90"/>
    </row>
    <row r="139" spans="1:8" ht="12.95" customHeight="1">
      <c r="A139" s="78" t="s">
        <v>7</v>
      </c>
      <c r="B139" s="108" t="s">
        <v>65</v>
      </c>
      <c r="C139" s="98" t="s">
        <v>753</v>
      </c>
      <c r="D139" s="52" t="s">
        <v>754</v>
      </c>
      <c r="E139" s="111" t="s">
        <v>7</v>
      </c>
      <c r="F139" s="52"/>
      <c r="G139" s="53"/>
      <c r="H139" s="90"/>
    </row>
    <row r="140" spans="1:8" ht="12.95" customHeight="1">
      <c r="A140" s="78" t="s">
        <v>7</v>
      </c>
      <c r="B140" s="109" t="s">
        <v>7</v>
      </c>
      <c r="C140" s="100" t="s">
        <v>7</v>
      </c>
      <c r="D140" s="60" t="s">
        <v>7</v>
      </c>
      <c r="E140" s="112" t="s">
        <v>134</v>
      </c>
      <c r="F140" s="126"/>
      <c r="G140" s="54"/>
      <c r="H140" s="91"/>
    </row>
    <row r="141" spans="1:8" ht="12.95" customHeight="1">
      <c r="A141" s="78" t="s">
        <v>7</v>
      </c>
      <c r="B141" s="118" t="s">
        <v>755</v>
      </c>
      <c r="C141" s="98" t="s">
        <v>756</v>
      </c>
      <c r="D141" s="52" t="s">
        <v>7</v>
      </c>
      <c r="E141" s="113" t="s">
        <v>7</v>
      </c>
      <c r="F141" s="124"/>
      <c r="G141" s="53"/>
      <c r="H141" s="90"/>
    </row>
    <row r="142" spans="1:8" ht="12.95" customHeight="1">
      <c r="A142" s="78" t="s">
        <v>7</v>
      </c>
      <c r="B142" s="108" t="s">
        <v>65</v>
      </c>
      <c r="C142" s="98" t="s">
        <v>7</v>
      </c>
      <c r="D142" s="52" t="s">
        <v>757</v>
      </c>
      <c r="E142" s="111" t="s">
        <v>7</v>
      </c>
      <c r="F142" s="52"/>
      <c r="G142" s="53"/>
      <c r="H142" s="90"/>
    </row>
    <row r="143" spans="1:8" ht="12.95" customHeight="1">
      <c r="A143" s="78" t="s">
        <v>7</v>
      </c>
      <c r="B143" s="109" t="s">
        <v>7</v>
      </c>
      <c r="C143" s="100" t="s">
        <v>7</v>
      </c>
      <c r="D143" s="60" t="s">
        <v>7</v>
      </c>
      <c r="E143" s="112" t="s">
        <v>134</v>
      </c>
      <c r="F143" s="126"/>
      <c r="G143" s="54"/>
      <c r="H143" s="91"/>
    </row>
    <row r="144" spans="1:8" ht="12.95" customHeight="1">
      <c r="A144" s="78" t="s">
        <v>7</v>
      </c>
      <c r="B144" s="118" t="s">
        <v>755</v>
      </c>
      <c r="C144" s="98" t="s">
        <v>758</v>
      </c>
      <c r="D144" s="52" t="s">
        <v>7</v>
      </c>
      <c r="E144" s="113" t="s">
        <v>7</v>
      </c>
      <c r="F144" s="124"/>
      <c r="G144" s="53"/>
      <c r="H144" s="90"/>
    </row>
    <row r="145" spans="1:8" ht="12.95" customHeight="1">
      <c r="A145" s="78" t="s">
        <v>7</v>
      </c>
      <c r="B145" s="108" t="s">
        <v>65</v>
      </c>
      <c r="C145" s="98" t="s">
        <v>7</v>
      </c>
      <c r="D145" s="52" t="s">
        <v>10</v>
      </c>
      <c r="E145" s="111" t="s">
        <v>7</v>
      </c>
      <c r="F145" s="52"/>
      <c r="G145" s="53"/>
      <c r="H145" s="90"/>
    </row>
    <row r="146" spans="1:8" ht="12.95" customHeight="1">
      <c r="A146" s="78" t="s">
        <v>7</v>
      </c>
      <c r="B146" s="109" t="s">
        <v>7</v>
      </c>
      <c r="C146" s="100" t="s">
        <v>7</v>
      </c>
      <c r="D146" s="60" t="s">
        <v>7</v>
      </c>
      <c r="E146" s="112" t="s">
        <v>134</v>
      </c>
      <c r="F146" s="126"/>
      <c r="G146" s="54"/>
      <c r="H146" s="91"/>
    </row>
    <row r="147" spans="1:8" ht="12.95" customHeight="1">
      <c r="A147" s="78" t="s">
        <v>7</v>
      </c>
      <c r="B147" s="118" t="s">
        <v>718</v>
      </c>
      <c r="C147" s="98" t="s">
        <v>759</v>
      </c>
      <c r="D147" s="52" t="s">
        <v>7</v>
      </c>
      <c r="E147" s="113" t="s">
        <v>7</v>
      </c>
      <c r="F147" s="124"/>
      <c r="G147" s="53"/>
      <c r="H147" s="90"/>
    </row>
    <row r="148" spans="1:8" ht="12.95" customHeight="1">
      <c r="A148" s="78" t="s">
        <v>7</v>
      </c>
      <c r="B148" s="108" t="s">
        <v>65</v>
      </c>
      <c r="C148" s="98" t="s">
        <v>7</v>
      </c>
      <c r="D148" s="52" t="s">
        <v>760</v>
      </c>
      <c r="E148" s="111" t="s">
        <v>7</v>
      </c>
      <c r="F148" s="52"/>
      <c r="G148" s="53"/>
      <c r="H148" s="90"/>
    </row>
    <row r="149" spans="1:8" ht="12.95" customHeight="1">
      <c r="A149" s="78" t="s">
        <v>7</v>
      </c>
      <c r="B149" s="109" t="s">
        <v>7</v>
      </c>
      <c r="C149" s="100" t="s">
        <v>7</v>
      </c>
      <c r="D149" s="60" t="s">
        <v>7</v>
      </c>
      <c r="E149" s="112" t="s">
        <v>134</v>
      </c>
      <c r="F149" s="126"/>
      <c r="G149" s="54"/>
      <c r="H149" s="91"/>
    </row>
    <row r="150" spans="1:8" ht="12.95" customHeight="1">
      <c r="A150" s="78" t="s">
        <v>7</v>
      </c>
      <c r="B150" s="118" t="s">
        <v>761</v>
      </c>
      <c r="C150" s="98" t="s">
        <v>753</v>
      </c>
      <c r="D150" s="52" t="s">
        <v>7</v>
      </c>
      <c r="E150" s="113" t="s">
        <v>7</v>
      </c>
      <c r="F150" s="124"/>
      <c r="G150" s="53"/>
      <c r="H150" s="90"/>
    </row>
    <row r="151" spans="1:8" ht="12.95" customHeight="1">
      <c r="A151" s="78" t="s">
        <v>7</v>
      </c>
      <c r="B151" s="108" t="s">
        <v>7</v>
      </c>
      <c r="C151" s="98" t="s">
        <v>7</v>
      </c>
      <c r="D151" s="52" t="s">
        <v>615</v>
      </c>
      <c r="E151" s="111" t="s">
        <v>7</v>
      </c>
      <c r="F151" s="52"/>
      <c r="G151" s="53"/>
      <c r="H151" s="90"/>
    </row>
    <row r="152" spans="1:8" ht="12.95" customHeight="1">
      <c r="A152" s="78" t="s">
        <v>7</v>
      </c>
      <c r="B152" s="109" t="s">
        <v>7</v>
      </c>
      <c r="C152" s="100" t="s">
        <v>7</v>
      </c>
      <c r="D152" s="60" t="s">
        <v>7</v>
      </c>
      <c r="E152" s="112" t="s">
        <v>616</v>
      </c>
      <c r="F152" s="126"/>
      <c r="G152" s="54"/>
      <c r="H152" s="91"/>
    </row>
    <row r="153" spans="1:8" ht="12.95" customHeight="1">
      <c r="A153" s="78" t="s">
        <v>7</v>
      </c>
      <c r="B153" s="118" t="s">
        <v>762</v>
      </c>
      <c r="C153" s="98" t="s">
        <v>763</v>
      </c>
      <c r="D153" s="52" t="s">
        <v>7</v>
      </c>
      <c r="E153" s="113" t="s">
        <v>7</v>
      </c>
      <c r="F153" s="124"/>
      <c r="G153" s="53"/>
      <c r="H153" s="90"/>
    </row>
    <row r="154" spans="1:8" ht="12.95" customHeight="1">
      <c r="A154" s="78" t="s">
        <v>7</v>
      </c>
      <c r="B154" s="108" t="s">
        <v>7</v>
      </c>
      <c r="C154" s="98" t="s">
        <v>7</v>
      </c>
      <c r="D154" s="52" t="s">
        <v>484</v>
      </c>
      <c r="E154" s="111" t="s">
        <v>7</v>
      </c>
      <c r="F154" s="52"/>
      <c r="G154" s="53"/>
      <c r="H154" s="90"/>
    </row>
    <row r="155" spans="1:8" ht="12.95" customHeight="1">
      <c r="A155" s="78" t="s">
        <v>7</v>
      </c>
      <c r="B155" s="109" t="s">
        <v>7</v>
      </c>
      <c r="C155" s="100" t="s">
        <v>7</v>
      </c>
      <c r="D155" s="60" t="s">
        <v>7</v>
      </c>
      <c r="E155" s="112" t="s">
        <v>616</v>
      </c>
      <c r="F155" s="126"/>
      <c r="G155" s="54"/>
      <c r="H155" s="91"/>
    </row>
    <row r="156" spans="1:8" ht="12.95" customHeight="1">
      <c r="A156" s="78" t="s">
        <v>7</v>
      </c>
      <c r="B156" s="118" t="s">
        <v>762</v>
      </c>
      <c r="C156" s="98" t="s">
        <v>764</v>
      </c>
      <c r="D156" s="52" t="s">
        <v>7</v>
      </c>
      <c r="E156" s="113" t="s">
        <v>7</v>
      </c>
      <c r="F156" s="124"/>
      <c r="G156" s="53"/>
      <c r="H156" s="90"/>
    </row>
    <row r="157" spans="1:8" ht="12.95" customHeight="1">
      <c r="A157" s="78" t="s">
        <v>7</v>
      </c>
      <c r="B157" s="108" t="s">
        <v>7</v>
      </c>
      <c r="C157" s="98" t="s">
        <v>7</v>
      </c>
      <c r="D157" s="52" t="s">
        <v>10</v>
      </c>
      <c r="E157" s="111" t="s">
        <v>7</v>
      </c>
      <c r="F157" s="52"/>
      <c r="G157" s="53"/>
      <c r="H157" s="90"/>
    </row>
    <row r="158" spans="1:8" ht="12.95" customHeight="1">
      <c r="A158" s="78" t="s">
        <v>7</v>
      </c>
      <c r="B158" s="109" t="s">
        <v>7</v>
      </c>
      <c r="C158" s="100" t="s">
        <v>7</v>
      </c>
      <c r="D158" s="60" t="s">
        <v>7</v>
      </c>
      <c r="E158" s="112" t="s">
        <v>616</v>
      </c>
      <c r="F158" s="126"/>
      <c r="G158" s="54"/>
      <c r="H158" s="91"/>
    </row>
    <row r="159" spans="1:8" ht="12.95" customHeight="1">
      <c r="A159" s="78" t="s">
        <v>7</v>
      </c>
      <c r="B159" s="118" t="s">
        <v>765</v>
      </c>
      <c r="C159" s="98" t="s">
        <v>766</v>
      </c>
      <c r="D159" s="52" t="s">
        <v>7</v>
      </c>
      <c r="E159" s="113" t="s">
        <v>7</v>
      </c>
      <c r="F159" s="124"/>
      <c r="G159" s="53"/>
      <c r="H159" s="90"/>
    </row>
    <row r="160" spans="1:8" ht="12.95" customHeight="1">
      <c r="A160" s="78" t="s">
        <v>7</v>
      </c>
      <c r="B160" s="108" t="s">
        <v>117</v>
      </c>
      <c r="C160" s="98" t="s">
        <v>7</v>
      </c>
      <c r="D160" s="52" t="s">
        <v>484</v>
      </c>
      <c r="E160" s="111" t="s">
        <v>7</v>
      </c>
      <c r="F160" s="52"/>
      <c r="G160" s="53"/>
      <c r="H160" s="90"/>
    </row>
    <row r="161" spans="1:8" ht="12.95" customHeight="1">
      <c r="A161" s="78" t="s">
        <v>7</v>
      </c>
      <c r="B161" s="109" t="s">
        <v>7</v>
      </c>
      <c r="C161" s="100" t="s">
        <v>7</v>
      </c>
      <c r="D161" s="60" t="s">
        <v>7</v>
      </c>
      <c r="E161" s="112" t="s">
        <v>616</v>
      </c>
      <c r="F161" s="126"/>
      <c r="G161" s="54"/>
      <c r="H161" s="91"/>
    </row>
    <row r="162" spans="1:8" ht="12.95" customHeight="1">
      <c r="A162" s="78" t="s">
        <v>7</v>
      </c>
      <c r="B162" s="118" t="s">
        <v>767</v>
      </c>
      <c r="C162" s="98" t="s">
        <v>768</v>
      </c>
      <c r="D162" s="52" t="s">
        <v>7</v>
      </c>
      <c r="E162" s="113" t="s">
        <v>7</v>
      </c>
      <c r="F162" s="124"/>
      <c r="G162" s="53"/>
      <c r="H162" s="90"/>
    </row>
    <row r="163" spans="1:8" ht="12.95" customHeight="1">
      <c r="A163" s="78" t="s">
        <v>7</v>
      </c>
      <c r="B163" s="108" t="s">
        <v>7</v>
      </c>
      <c r="C163" s="98" t="s">
        <v>769</v>
      </c>
      <c r="D163" s="52" t="s">
        <v>10</v>
      </c>
      <c r="E163" s="111" t="s">
        <v>7</v>
      </c>
      <c r="F163" s="52"/>
      <c r="G163" s="53"/>
      <c r="H163" s="90"/>
    </row>
    <row r="164" spans="1:8" ht="12.95" customHeight="1">
      <c r="A164" s="78" t="s">
        <v>7</v>
      </c>
      <c r="B164" s="109" t="s">
        <v>7</v>
      </c>
      <c r="C164" s="100" t="s">
        <v>7</v>
      </c>
      <c r="D164" s="60" t="s">
        <v>7</v>
      </c>
      <c r="E164" s="112" t="s">
        <v>616</v>
      </c>
      <c r="F164" s="126"/>
      <c r="G164" s="54"/>
      <c r="H164" s="91"/>
    </row>
    <row r="165" spans="1:8" ht="12.95" customHeight="1">
      <c r="A165" s="78" t="s">
        <v>7</v>
      </c>
      <c r="B165" s="118" t="s">
        <v>751</v>
      </c>
      <c r="C165" s="98" t="s">
        <v>752</v>
      </c>
      <c r="D165" s="52" t="s">
        <v>7</v>
      </c>
      <c r="E165" s="113" t="s">
        <v>7</v>
      </c>
      <c r="F165" s="124"/>
      <c r="G165" s="53"/>
      <c r="H165" s="90"/>
    </row>
    <row r="166" spans="1:8" ht="12.95" customHeight="1">
      <c r="A166" s="78" t="s">
        <v>7</v>
      </c>
      <c r="B166" s="108" t="s">
        <v>770</v>
      </c>
      <c r="C166" s="98" t="s">
        <v>771</v>
      </c>
      <c r="D166" s="52" t="s">
        <v>10</v>
      </c>
      <c r="E166" s="111" t="s">
        <v>7</v>
      </c>
      <c r="F166" s="52"/>
      <c r="G166" s="53"/>
      <c r="H166" s="90"/>
    </row>
    <row r="167" spans="1:8" ht="12.95" customHeight="1">
      <c r="A167" s="78" t="s">
        <v>7</v>
      </c>
      <c r="B167" s="109" t="s">
        <v>7</v>
      </c>
      <c r="C167" s="100" t="s">
        <v>7</v>
      </c>
      <c r="D167" s="60" t="s">
        <v>7</v>
      </c>
      <c r="E167" s="112" t="s">
        <v>134</v>
      </c>
      <c r="F167" s="126"/>
      <c r="G167" s="54"/>
      <c r="H167" s="91"/>
    </row>
    <row r="168" spans="1:8" ht="12.95" customHeight="1">
      <c r="A168" s="78" t="s">
        <v>7</v>
      </c>
      <c r="B168" s="118" t="s">
        <v>772</v>
      </c>
      <c r="C168" s="98" t="s">
        <v>773</v>
      </c>
      <c r="D168" s="52" t="s">
        <v>7</v>
      </c>
      <c r="E168" s="113" t="s">
        <v>7</v>
      </c>
      <c r="F168" s="124"/>
      <c r="G168" s="53"/>
      <c r="H168" s="90"/>
    </row>
    <row r="169" spans="1:8" ht="12.95" customHeight="1">
      <c r="A169" s="78" t="s">
        <v>7</v>
      </c>
      <c r="B169" s="108" t="s">
        <v>7</v>
      </c>
      <c r="C169" s="98" t="s">
        <v>774</v>
      </c>
      <c r="D169" s="52" t="s">
        <v>10</v>
      </c>
      <c r="E169" s="111" t="s">
        <v>7</v>
      </c>
      <c r="F169" s="52"/>
      <c r="G169" s="53"/>
      <c r="H169" s="90"/>
    </row>
    <row r="170" spans="1:8" ht="12.95" customHeight="1">
      <c r="A170" s="78" t="s">
        <v>7</v>
      </c>
      <c r="B170" s="109" t="s">
        <v>7</v>
      </c>
      <c r="C170" s="100" t="s">
        <v>7</v>
      </c>
      <c r="D170" s="60" t="s">
        <v>7</v>
      </c>
      <c r="E170" s="112" t="s">
        <v>616</v>
      </c>
      <c r="F170" s="126"/>
      <c r="G170" s="54"/>
      <c r="H170" s="91"/>
    </row>
    <row r="171" spans="1:8" ht="12.95" customHeight="1">
      <c r="A171" s="78" t="s">
        <v>7</v>
      </c>
      <c r="B171" s="118" t="s">
        <v>772</v>
      </c>
      <c r="C171" s="98" t="s">
        <v>775</v>
      </c>
      <c r="D171" s="52" t="s">
        <v>7</v>
      </c>
      <c r="E171" s="113" t="s">
        <v>7</v>
      </c>
      <c r="F171" s="124"/>
      <c r="G171" s="53"/>
      <c r="H171" s="90"/>
    </row>
    <row r="172" spans="1:8" ht="12.95" customHeight="1">
      <c r="A172" s="78" t="s">
        <v>7</v>
      </c>
      <c r="B172" s="108" t="s">
        <v>7</v>
      </c>
      <c r="C172" s="98" t="s">
        <v>774</v>
      </c>
      <c r="D172" s="52" t="s">
        <v>10</v>
      </c>
      <c r="E172" s="111" t="s">
        <v>7</v>
      </c>
      <c r="F172" s="52"/>
      <c r="G172" s="53"/>
      <c r="H172" s="90"/>
    </row>
    <row r="173" spans="1:8" ht="12.95" customHeight="1">
      <c r="A173" s="78" t="s">
        <v>7</v>
      </c>
      <c r="B173" s="109" t="s">
        <v>7</v>
      </c>
      <c r="C173" s="100" t="s">
        <v>7</v>
      </c>
      <c r="D173" s="60" t="s">
        <v>7</v>
      </c>
      <c r="E173" s="112" t="s">
        <v>616</v>
      </c>
      <c r="F173" s="126"/>
      <c r="G173" s="54"/>
      <c r="H173" s="91"/>
    </row>
    <row r="174" spans="1:8" ht="12.95" customHeight="1">
      <c r="A174" s="78" t="s">
        <v>7</v>
      </c>
      <c r="B174" s="118" t="s">
        <v>776</v>
      </c>
      <c r="C174" s="98" t="s">
        <v>777</v>
      </c>
      <c r="D174" s="52" t="s">
        <v>7</v>
      </c>
      <c r="E174" s="113" t="s">
        <v>7</v>
      </c>
      <c r="F174" s="124"/>
      <c r="G174" s="53"/>
      <c r="H174" s="90"/>
    </row>
    <row r="175" spans="1:8" ht="12.95" customHeight="1">
      <c r="A175" s="78" t="s">
        <v>7</v>
      </c>
      <c r="B175" s="108" t="s">
        <v>770</v>
      </c>
      <c r="C175" s="98" t="s">
        <v>7</v>
      </c>
      <c r="D175" s="52" t="s">
        <v>10</v>
      </c>
      <c r="E175" s="111" t="s">
        <v>7</v>
      </c>
      <c r="F175" s="52"/>
      <c r="G175" s="53"/>
      <c r="H175" s="90"/>
    </row>
    <row r="176" spans="1:8" ht="12.95" customHeight="1">
      <c r="A176" s="78" t="s">
        <v>7</v>
      </c>
      <c r="B176" s="109" t="s">
        <v>7</v>
      </c>
      <c r="C176" s="100" t="s">
        <v>7</v>
      </c>
      <c r="D176" s="60" t="s">
        <v>7</v>
      </c>
      <c r="E176" s="112" t="s">
        <v>616</v>
      </c>
      <c r="F176" s="126"/>
      <c r="G176" s="54"/>
      <c r="H176" s="91"/>
    </row>
    <row r="177" spans="1:8" ht="12.95" customHeight="1">
      <c r="A177" s="78" t="s">
        <v>7</v>
      </c>
      <c r="B177" s="110" t="s">
        <v>14</v>
      </c>
      <c r="C177" s="98" t="s">
        <v>7</v>
      </c>
      <c r="D177" s="52" t="s">
        <v>7</v>
      </c>
      <c r="E177" s="113" t="s">
        <v>7</v>
      </c>
      <c r="F177" s="52"/>
      <c r="G177" s="53"/>
      <c r="H177" s="90"/>
    </row>
    <row r="178" spans="1:8" ht="12.95" customHeight="1">
      <c r="A178" s="78" t="s">
        <v>7</v>
      </c>
      <c r="B178" s="108" t="s">
        <v>7</v>
      </c>
      <c r="C178" s="98" t="s">
        <v>7</v>
      </c>
      <c r="D178" s="52" t="s">
        <v>7</v>
      </c>
      <c r="E178" s="113" t="s">
        <v>7</v>
      </c>
      <c r="F178" s="52"/>
      <c r="G178" s="53"/>
      <c r="H178" s="90"/>
    </row>
    <row r="179" spans="1:8" ht="12.95" customHeight="1">
      <c r="A179" s="78" t="s">
        <v>7</v>
      </c>
      <c r="B179" s="109" t="s">
        <v>7</v>
      </c>
      <c r="C179" s="100" t="s">
        <v>7</v>
      </c>
      <c r="D179" s="60" t="s">
        <v>7</v>
      </c>
      <c r="E179" s="112" t="s">
        <v>7</v>
      </c>
      <c r="F179" s="60"/>
      <c r="G179" s="54"/>
      <c r="H179" s="91"/>
    </row>
    <row r="180" spans="1:8" ht="12.95" customHeight="1">
      <c r="A180" s="78"/>
      <c r="B180" s="45"/>
      <c r="C180" s="32"/>
      <c r="D180" s="61"/>
      <c r="E180" s="46"/>
      <c r="F180" s="61"/>
      <c r="G180" s="55"/>
      <c r="H180" s="12"/>
    </row>
    <row r="181" spans="1:8" ht="12.95" customHeight="1">
      <c r="A181" s="78"/>
      <c r="B181" s="40"/>
      <c r="C181" s="25"/>
      <c r="D181" s="52"/>
      <c r="E181" s="44"/>
      <c r="F181" s="52"/>
      <c r="G181" s="53"/>
      <c r="H181" s="5"/>
    </row>
    <row r="182" spans="1:8" ht="12.95" customHeight="1">
      <c r="A182" s="78"/>
      <c r="B182" s="42"/>
      <c r="C182" s="28"/>
      <c r="D182" s="60"/>
      <c r="E182" s="43"/>
      <c r="F182" s="60"/>
      <c r="G182" s="54"/>
      <c r="H182" s="8"/>
    </row>
    <row r="183" spans="1:8" ht="12.95" customHeight="1">
      <c r="A183" s="78"/>
      <c r="B183" s="45"/>
      <c r="C183" s="32"/>
      <c r="D183" s="61"/>
      <c r="E183" s="46"/>
      <c r="F183" s="61"/>
      <c r="G183" s="55"/>
      <c r="H183" s="12"/>
    </row>
    <row r="184" spans="1:8" ht="12.95" customHeight="1">
      <c r="A184" s="78"/>
      <c r="B184" s="40"/>
      <c r="C184" s="25"/>
      <c r="D184" s="52"/>
      <c r="E184" s="44"/>
      <c r="F184" s="52"/>
      <c r="G184" s="53"/>
      <c r="H184" s="5"/>
    </row>
    <row r="185" spans="1:8" ht="12.95" customHeight="1">
      <c r="A185" s="78"/>
      <c r="B185" s="42"/>
      <c r="C185" s="28"/>
      <c r="D185" s="60"/>
      <c r="E185" s="43"/>
      <c r="F185" s="60"/>
      <c r="G185" s="54"/>
      <c r="H185" s="8"/>
    </row>
    <row r="186" spans="1:8" ht="12.95" customHeight="1">
      <c r="A186" s="78"/>
      <c r="B186" s="45"/>
      <c r="C186" s="32"/>
      <c r="D186" s="61"/>
      <c r="E186" s="46"/>
      <c r="F186" s="61"/>
      <c r="G186" s="55"/>
      <c r="H186" s="12"/>
    </row>
    <row r="187" spans="1:8" ht="12.95" customHeight="1">
      <c r="A187" s="78"/>
      <c r="B187" s="40"/>
      <c r="C187" s="25"/>
      <c r="D187" s="52"/>
      <c r="E187" s="44"/>
      <c r="F187" s="52"/>
      <c r="G187" s="53"/>
      <c r="H187" s="5"/>
    </row>
    <row r="188" spans="1:8" ht="12.95" customHeight="1">
      <c r="A188" s="78"/>
      <c r="B188" s="42"/>
      <c r="C188" s="28"/>
      <c r="D188" s="60"/>
      <c r="E188" s="48"/>
      <c r="F188" s="66"/>
      <c r="G188" s="54"/>
      <c r="H188" s="8"/>
    </row>
    <row r="189" spans="1:8" ht="12.95" customHeight="1">
      <c r="A189" s="78"/>
      <c r="B189" s="45"/>
      <c r="C189" s="32"/>
      <c r="D189" s="61"/>
      <c r="E189" s="46"/>
      <c r="F189" s="61"/>
      <c r="G189" s="55"/>
      <c r="H189" s="12"/>
    </row>
    <row r="190" spans="1:8" ht="12.95" customHeight="1">
      <c r="A190" s="78"/>
      <c r="B190" s="40"/>
      <c r="C190" s="25"/>
      <c r="D190" s="62"/>
      <c r="E190" s="49"/>
      <c r="F190" s="62"/>
      <c r="G190" s="53"/>
      <c r="H190" s="5"/>
    </row>
    <row r="191" spans="1:8" ht="12.95" customHeight="1">
      <c r="A191" s="78"/>
      <c r="B191" s="50"/>
      <c r="C191" s="38"/>
      <c r="D191" s="63"/>
      <c r="E191" s="51"/>
      <c r="F191" s="63"/>
      <c r="G191" s="57"/>
      <c r="H191" s="18"/>
    </row>
    <row r="192" spans="1:8" ht="0.95" customHeight="1">
      <c r="B192" s="19"/>
      <c r="C192" s="19"/>
      <c r="D192" s="19"/>
      <c r="E192" s="19"/>
      <c r="F192" s="59"/>
      <c r="G192" s="19"/>
      <c r="H192" s="19"/>
    </row>
    <row r="193" spans="1:8" s="1" customFormat="1" ht="18" customHeight="1">
      <c r="B193" s="79" t="s">
        <v>707</v>
      </c>
      <c r="C193" s="79"/>
      <c r="D193" s="79"/>
      <c r="E193" s="79"/>
      <c r="F193" s="79"/>
      <c r="G193" s="79"/>
      <c r="H193" s="80"/>
    </row>
    <row r="194" spans="1:8" ht="21" customHeight="1">
      <c r="A194" s="78"/>
      <c r="B194" s="207" t="s">
        <v>652</v>
      </c>
      <c r="C194" s="208"/>
      <c r="D194" s="208" t="s">
        <v>699</v>
      </c>
      <c r="E194" s="208"/>
      <c r="F194" s="208"/>
      <c r="G194" s="208" t="s">
        <v>700</v>
      </c>
      <c r="H194" s="209"/>
    </row>
    <row r="195" spans="1:8" ht="21" customHeight="1">
      <c r="A195" s="78"/>
      <c r="B195" s="105" t="s">
        <v>87</v>
      </c>
      <c r="C195" s="106" t="s">
        <v>88</v>
      </c>
      <c r="D195" s="106" t="s">
        <v>56</v>
      </c>
      <c r="E195" s="106" t="s">
        <v>2</v>
      </c>
      <c r="F195" s="106" t="s">
        <v>89</v>
      </c>
      <c r="G195" s="106" t="s">
        <v>58</v>
      </c>
      <c r="H195" s="107" t="s">
        <v>4</v>
      </c>
    </row>
    <row r="196" spans="1:8" ht="12.95" customHeight="1">
      <c r="A196" s="78" t="s">
        <v>7</v>
      </c>
      <c r="B196" s="114" t="s">
        <v>694</v>
      </c>
      <c r="C196" s="115" t="s">
        <v>7</v>
      </c>
      <c r="D196" s="58" t="s">
        <v>7</v>
      </c>
      <c r="E196" s="119" t="s">
        <v>7</v>
      </c>
      <c r="F196" s="123"/>
      <c r="G196" s="58"/>
      <c r="H196" s="121"/>
    </row>
    <row r="197" spans="1:8" ht="12.95" customHeight="1">
      <c r="A197" s="78" t="s">
        <v>7</v>
      </c>
      <c r="B197" s="108" t="s">
        <v>7</v>
      </c>
      <c r="C197" s="98" t="s">
        <v>7</v>
      </c>
      <c r="D197" s="53" t="s">
        <v>10</v>
      </c>
      <c r="E197" s="111" t="s">
        <v>7</v>
      </c>
      <c r="F197" s="124"/>
      <c r="G197" s="53"/>
      <c r="H197" s="90"/>
    </row>
    <row r="198" spans="1:8" ht="12.95" customHeight="1">
      <c r="A198" s="78" t="s">
        <v>7</v>
      </c>
      <c r="B198" s="116" t="s">
        <v>7</v>
      </c>
      <c r="C198" s="117" t="s">
        <v>7</v>
      </c>
      <c r="D198" s="57" t="s">
        <v>7</v>
      </c>
      <c r="E198" s="120" t="s">
        <v>11</v>
      </c>
      <c r="F198" s="125"/>
      <c r="G198" s="57"/>
      <c r="H198" s="122"/>
    </row>
    <row r="199" spans="1:8" ht="12.95" customHeight="1">
      <c r="A199" s="78" t="s">
        <v>7</v>
      </c>
      <c r="B199" s="118" t="s">
        <v>778</v>
      </c>
      <c r="C199" s="98" t="s">
        <v>779</v>
      </c>
      <c r="D199" s="52" t="s">
        <v>7</v>
      </c>
      <c r="E199" s="113" t="s">
        <v>7</v>
      </c>
      <c r="F199" s="124"/>
      <c r="G199" s="53"/>
      <c r="H199" s="90"/>
    </row>
    <row r="200" spans="1:8" ht="12.95" customHeight="1">
      <c r="A200" s="78" t="s">
        <v>7</v>
      </c>
      <c r="B200" s="108" t="s">
        <v>7</v>
      </c>
      <c r="C200" s="98" t="s">
        <v>7</v>
      </c>
      <c r="D200" s="52" t="s">
        <v>10</v>
      </c>
      <c r="E200" s="111" t="s">
        <v>7</v>
      </c>
      <c r="F200" s="52"/>
      <c r="G200" s="53"/>
      <c r="H200" s="90"/>
    </row>
    <row r="201" spans="1:8" ht="12.95" customHeight="1">
      <c r="A201" s="78" t="s">
        <v>7</v>
      </c>
      <c r="B201" s="109" t="s">
        <v>7</v>
      </c>
      <c r="C201" s="100" t="s">
        <v>7</v>
      </c>
      <c r="D201" s="60" t="s">
        <v>7</v>
      </c>
      <c r="E201" s="112" t="s">
        <v>134</v>
      </c>
      <c r="F201" s="126"/>
      <c r="G201" s="54"/>
      <c r="H201" s="91"/>
    </row>
    <row r="202" spans="1:8" ht="12.95" customHeight="1">
      <c r="A202" s="78" t="s">
        <v>7</v>
      </c>
      <c r="B202" s="118" t="s">
        <v>778</v>
      </c>
      <c r="C202" s="98" t="s">
        <v>780</v>
      </c>
      <c r="D202" s="52" t="s">
        <v>7</v>
      </c>
      <c r="E202" s="113" t="s">
        <v>7</v>
      </c>
      <c r="F202" s="124"/>
      <c r="G202" s="53"/>
      <c r="H202" s="90"/>
    </row>
    <row r="203" spans="1:8" ht="12.95" customHeight="1">
      <c r="A203" s="78" t="s">
        <v>7</v>
      </c>
      <c r="B203" s="108" t="s">
        <v>7</v>
      </c>
      <c r="C203" s="98" t="s">
        <v>7</v>
      </c>
      <c r="D203" s="52" t="s">
        <v>614</v>
      </c>
      <c r="E203" s="111" t="s">
        <v>7</v>
      </c>
      <c r="F203" s="52"/>
      <c r="G203" s="53"/>
      <c r="H203" s="90"/>
    </row>
    <row r="204" spans="1:8" ht="12.95" customHeight="1">
      <c r="A204" s="78" t="s">
        <v>7</v>
      </c>
      <c r="B204" s="109" t="s">
        <v>7</v>
      </c>
      <c r="C204" s="100" t="s">
        <v>7</v>
      </c>
      <c r="D204" s="60" t="s">
        <v>7</v>
      </c>
      <c r="E204" s="112" t="s">
        <v>134</v>
      </c>
      <c r="F204" s="126"/>
      <c r="G204" s="54"/>
      <c r="H204" s="91"/>
    </row>
    <row r="205" spans="1:8" ht="12.95" customHeight="1">
      <c r="A205" s="78" t="s">
        <v>7</v>
      </c>
      <c r="B205" s="110" t="s">
        <v>14</v>
      </c>
      <c r="C205" s="98" t="s">
        <v>7</v>
      </c>
      <c r="D205" s="52" t="s">
        <v>7</v>
      </c>
      <c r="E205" s="113" t="s">
        <v>7</v>
      </c>
      <c r="F205" s="52"/>
      <c r="G205" s="53"/>
      <c r="H205" s="90"/>
    </row>
    <row r="206" spans="1:8" ht="12.95" customHeight="1">
      <c r="A206" s="78" t="s">
        <v>7</v>
      </c>
      <c r="B206" s="108" t="s">
        <v>7</v>
      </c>
      <c r="C206" s="98" t="s">
        <v>7</v>
      </c>
      <c r="D206" s="52" t="s">
        <v>7</v>
      </c>
      <c r="E206" s="113" t="s">
        <v>7</v>
      </c>
      <c r="F206" s="52"/>
      <c r="G206" s="53"/>
      <c r="H206" s="90"/>
    </row>
    <row r="207" spans="1:8" ht="12.95" customHeight="1">
      <c r="A207" s="78" t="s">
        <v>7</v>
      </c>
      <c r="B207" s="109" t="s">
        <v>7</v>
      </c>
      <c r="C207" s="100" t="s">
        <v>7</v>
      </c>
      <c r="D207" s="60" t="s">
        <v>7</v>
      </c>
      <c r="E207" s="112" t="s">
        <v>7</v>
      </c>
      <c r="F207" s="60"/>
      <c r="G207" s="54"/>
      <c r="H207" s="91"/>
    </row>
    <row r="208" spans="1:8" ht="12.95" customHeight="1">
      <c r="A208" s="78"/>
      <c r="B208" s="45"/>
      <c r="C208" s="32"/>
      <c r="D208" s="61"/>
      <c r="E208" s="46"/>
      <c r="F208" s="61"/>
      <c r="G208" s="55"/>
      <c r="H208" s="12"/>
    </row>
    <row r="209" spans="1:8" ht="12.95" customHeight="1">
      <c r="A209" s="78"/>
      <c r="B209" s="40"/>
      <c r="C209" s="25"/>
      <c r="D209" s="52"/>
      <c r="E209" s="44"/>
      <c r="F209" s="52"/>
      <c r="G209" s="53"/>
      <c r="H209" s="5"/>
    </row>
    <row r="210" spans="1:8" ht="12.95" customHeight="1">
      <c r="A210" s="78"/>
      <c r="B210" s="42"/>
      <c r="C210" s="28"/>
      <c r="D210" s="60"/>
      <c r="E210" s="43"/>
      <c r="F210" s="60"/>
      <c r="G210" s="54"/>
      <c r="H210" s="8"/>
    </row>
    <row r="211" spans="1:8" ht="12.95" customHeight="1">
      <c r="A211" s="78" t="s">
        <v>7</v>
      </c>
      <c r="B211" s="114" t="s">
        <v>695</v>
      </c>
      <c r="C211" s="115" t="s">
        <v>7</v>
      </c>
      <c r="D211" s="58" t="s">
        <v>7</v>
      </c>
      <c r="E211" s="119" t="s">
        <v>7</v>
      </c>
      <c r="F211" s="123"/>
      <c r="G211" s="58"/>
      <c r="H211" s="121"/>
    </row>
    <row r="212" spans="1:8" ht="12.95" customHeight="1">
      <c r="A212" s="78" t="s">
        <v>7</v>
      </c>
      <c r="B212" s="108" t="s">
        <v>7</v>
      </c>
      <c r="C212" s="98" t="s">
        <v>7</v>
      </c>
      <c r="D212" s="53" t="s">
        <v>10</v>
      </c>
      <c r="E212" s="111" t="s">
        <v>7</v>
      </c>
      <c r="F212" s="124"/>
      <c r="G212" s="53"/>
      <c r="H212" s="90"/>
    </row>
    <row r="213" spans="1:8" ht="12.95" customHeight="1">
      <c r="A213" s="78" t="s">
        <v>7</v>
      </c>
      <c r="B213" s="116" t="s">
        <v>7</v>
      </c>
      <c r="C213" s="117" t="s">
        <v>7</v>
      </c>
      <c r="D213" s="57" t="s">
        <v>7</v>
      </c>
      <c r="E213" s="120" t="s">
        <v>11</v>
      </c>
      <c r="F213" s="125"/>
      <c r="G213" s="57"/>
      <c r="H213" s="122"/>
    </row>
    <row r="214" spans="1:8" ht="12.95" customHeight="1">
      <c r="A214" s="78" t="s">
        <v>7</v>
      </c>
      <c r="B214" s="118" t="s">
        <v>781</v>
      </c>
      <c r="C214" s="98" t="s">
        <v>782</v>
      </c>
      <c r="D214" s="52" t="s">
        <v>7</v>
      </c>
      <c r="E214" s="113" t="s">
        <v>7</v>
      </c>
      <c r="F214" s="124"/>
      <c r="G214" s="53"/>
      <c r="H214" s="90"/>
    </row>
    <row r="215" spans="1:8" ht="12.95" customHeight="1">
      <c r="A215" s="78" t="s">
        <v>7</v>
      </c>
      <c r="B215" s="108" t="s">
        <v>783</v>
      </c>
      <c r="C215" s="98" t="s">
        <v>7</v>
      </c>
      <c r="D215" s="52" t="s">
        <v>10</v>
      </c>
      <c r="E215" s="111" t="s">
        <v>7</v>
      </c>
      <c r="F215" s="52"/>
      <c r="G215" s="53"/>
      <c r="H215" s="90"/>
    </row>
    <row r="216" spans="1:8" ht="12.95" customHeight="1">
      <c r="A216" s="78" t="s">
        <v>7</v>
      </c>
      <c r="B216" s="109" t="s">
        <v>712</v>
      </c>
      <c r="C216" s="100" t="s">
        <v>7</v>
      </c>
      <c r="D216" s="60" t="s">
        <v>7</v>
      </c>
      <c r="E216" s="112" t="s">
        <v>134</v>
      </c>
      <c r="F216" s="126"/>
      <c r="G216" s="54"/>
      <c r="H216" s="91"/>
    </row>
    <row r="217" spans="1:8" ht="12.95" customHeight="1">
      <c r="A217" s="78" t="s">
        <v>7</v>
      </c>
      <c r="B217" s="110" t="s">
        <v>14</v>
      </c>
      <c r="C217" s="98" t="s">
        <v>7</v>
      </c>
      <c r="D217" s="52" t="s">
        <v>7</v>
      </c>
      <c r="E217" s="113" t="s">
        <v>7</v>
      </c>
      <c r="F217" s="52"/>
      <c r="G217" s="53"/>
      <c r="H217" s="90"/>
    </row>
    <row r="218" spans="1:8" ht="12.95" customHeight="1">
      <c r="A218" s="78" t="s">
        <v>7</v>
      </c>
      <c r="B218" s="108" t="s">
        <v>7</v>
      </c>
      <c r="C218" s="98" t="s">
        <v>7</v>
      </c>
      <c r="D218" s="52" t="s">
        <v>7</v>
      </c>
      <c r="E218" s="113" t="s">
        <v>7</v>
      </c>
      <c r="F218" s="52"/>
      <c r="G218" s="53"/>
      <c r="H218" s="90"/>
    </row>
    <row r="219" spans="1:8" ht="12.95" customHeight="1">
      <c r="A219" s="78" t="s">
        <v>7</v>
      </c>
      <c r="B219" s="109" t="s">
        <v>7</v>
      </c>
      <c r="C219" s="100" t="s">
        <v>7</v>
      </c>
      <c r="D219" s="60" t="s">
        <v>7</v>
      </c>
      <c r="E219" s="112" t="s">
        <v>7</v>
      </c>
      <c r="F219" s="60"/>
      <c r="G219" s="54"/>
      <c r="H219" s="91"/>
    </row>
    <row r="220" spans="1:8" ht="12.95" customHeight="1">
      <c r="A220" s="78"/>
      <c r="B220" s="45"/>
      <c r="C220" s="32"/>
      <c r="D220" s="61"/>
      <c r="E220" s="46"/>
      <c r="F220" s="61"/>
      <c r="G220" s="55"/>
      <c r="H220" s="12"/>
    </row>
    <row r="221" spans="1:8" ht="12.95" customHeight="1">
      <c r="A221" s="78"/>
      <c r="B221" s="40"/>
      <c r="C221" s="25"/>
      <c r="D221" s="52"/>
      <c r="E221" s="44"/>
      <c r="F221" s="52"/>
      <c r="G221" s="53"/>
      <c r="H221" s="5"/>
    </row>
    <row r="222" spans="1:8" ht="12.95" customHeight="1">
      <c r="A222" s="78"/>
      <c r="B222" s="42"/>
      <c r="C222" s="28"/>
      <c r="D222" s="60"/>
      <c r="E222" s="43"/>
      <c r="F222" s="60"/>
      <c r="G222" s="54"/>
      <c r="H222" s="8"/>
    </row>
    <row r="223" spans="1:8" ht="12.95" customHeight="1">
      <c r="A223" s="78" t="s">
        <v>7</v>
      </c>
      <c r="B223" s="114" t="s">
        <v>65</v>
      </c>
      <c r="C223" s="115" t="s">
        <v>7</v>
      </c>
      <c r="D223" s="58" t="s">
        <v>7</v>
      </c>
      <c r="E223" s="119" t="s">
        <v>7</v>
      </c>
      <c r="F223" s="123"/>
      <c r="G223" s="58"/>
      <c r="H223" s="121"/>
    </row>
    <row r="224" spans="1:8" ht="12.95" customHeight="1">
      <c r="A224" s="78" t="s">
        <v>7</v>
      </c>
      <c r="B224" s="108" t="s">
        <v>7</v>
      </c>
      <c r="C224" s="98" t="s">
        <v>7</v>
      </c>
      <c r="D224" s="53" t="s">
        <v>10</v>
      </c>
      <c r="E224" s="111" t="s">
        <v>7</v>
      </c>
      <c r="F224" s="124"/>
      <c r="G224" s="53"/>
      <c r="H224" s="90"/>
    </row>
    <row r="225" spans="1:8" ht="12.95" customHeight="1">
      <c r="A225" s="78" t="s">
        <v>7</v>
      </c>
      <c r="B225" s="116" t="s">
        <v>7</v>
      </c>
      <c r="C225" s="117" t="s">
        <v>7</v>
      </c>
      <c r="D225" s="57" t="s">
        <v>7</v>
      </c>
      <c r="E225" s="120" t="s">
        <v>11</v>
      </c>
      <c r="F225" s="125"/>
      <c r="G225" s="57"/>
      <c r="H225" s="122"/>
    </row>
    <row r="226" spans="1:8" ht="12.95" customHeight="1">
      <c r="A226" s="78" t="s">
        <v>7</v>
      </c>
      <c r="B226" s="118" t="s">
        <v>784</v>
      </c>
      <c r="C226" s="98" t="s">
        <v>785</v>
      </c>
      <c r="D226" s="52" t="s">
        <v>7</v>
      </c>
      <c r="E226" s="113" t="s">
        <v>7</v>
      </c>
      <c r="F226" s="124"/>
      <c r="G226" s="53"/>
      <c r="H226" s="90"/>
    </row>
    <row r="227" spans="1:8" ht="12.95" customHeight="1">
      <c r="A227" s="78" t="s">
        <v>7</v>
      </c>
      <c r="B227" s="108" t="s">
        <v>7</v>
      </c>
      <c r="C227" s="98" t="s">
        <v>7</v>
      </c>
      <c r="D227" s="52" t="s">
        <v>10</v>
      </c>
      <c r="E227" s="111" t="s">
        <v>7</v>
      </c>
      <c r="F227" s="52"/>
      <c r="G227" s="53"/>
      <c r="H227" s="90"/>
    </row>
    <row r="228" spans="1:8" ht="12.95" customHeight="1">
      <c r="A228" s="78" t="s">
        <v>7</v>
      </c>
      <c r="B228" s="109" t="s">
        <v>7</v>
      </c>
      <c r="C228" s="100" t="s">
        <v>7</v>
      </c>
      <c r="D228" s="60" t="s">
        <v>7</v>
      </c>
      <c r="E228" s="112" t="s">
        <v>134</v>
      </c>
      <c r="F228" s="126"/>
      <c r="G228" s="54"/>
      <c r="H228" s="91"/>
    </row>
    <row r="229" spans="1:8" ht="12.95" customHeight="1">
      <c r="A229" s="78" t="s">
        <v>7</v>
      </c>
      <c r="B229" s="118" t="s">
        <v>784</v>
      </c>
      <c r="C229" s="98" t="s">
        <v>786</v>
      </c>
      <c r="D229" s="52" t="s">
        <v>7</v>
      </c>
      <c r="E229" s="113" t="s">
        <v>7</v>
      </c>
      <c r="F229" s="124"/>
      <c r="G229" s="53"/>
      <c r="H229" s="90"/>
    </row>
    <row r="230" spans="1:8" ht="12.95" customHeight="1">
      <c r="A230" s="78" t="s">
        <v>7</v>
      </c>
      <c r="B230" s="108" t="s">
        <v>7</v>
      </c>
      <c r="C230" s="98" t="s">
        <v>7</v>
      </c>
      <c r="D230" s="52" t="s">
        <v>614</v>
      </c>
      <c r="E230" s="111" t="s">
        <v>7</v>
      </c>
      <c r="F230" s="52"/>
      <c r="G230" s="53"/>
      <c r="H230" s="90"/>
    </row>
    <row r="231" spans="1:8" ht="12.95" customHeight="1">
      <c r="A231" s="78" t="s">
        <v>7</v>
      </c>
      <c r="B231" s="109" t="s">
        <v>7</v>
      </c>
      <c r="C231" s="100" t="s">
        <v>7</v>
      </c>
      <c r="D231" s="60" t="s">
        <v>7</v>
      </c>
      <c r="E231" s="112" t="s">
        <v>134</v>
      </c>
      <c r="F231" s="126"/>
      <c r="G231" s="54"/>
      <c r="H231" s="91"/>
    </row>
    <row r="232" spans="1:8" ht="12.95" customHeight="1">
      <c r="A232" s="78" t="s">
        <v>7</v>
      </c>
      <c r="B232" s="118" t="s">
        <v>781</v>
      </c>
      <c r="C232" s="98" t="s">
        <v>787</v>
      </c>
      <c r="D232" s="52" t="s">
        <v>7</v>
      </c>
      <c r="E232" s="113" t="s">
        <v>7</v>
      </c>
      <c r="F232" s="124"/>
      <c r="G232" s="53"/>
      <c r="H232" s="90"/>
    </row>
    <row r="233" spans="1:8" ht="12.95" customHeight="1">
      <c r="A233" s="78" t="s">
        <v>7</v>
      </c>
      <c r="B233" s="108" t="s">
        <v>65</v>
      </c>
      <c r="C233" s="98" t="s">
        <v>7</v>
      </c>
      <c r="D233" s="52" t="s">
        <v>10</v>
      </c>
      <c r="E233" s="111" t="s">
        <v>7</v>
      </c>
      <c r="F233" s="52"/>
      <c r="G233" s="53"/>
      <c r="H233" s="90"/>
    </row>
    <row r="234" spans="1:8" ht="12.95" customHeight="1">
      <c r="A234" s="78" t="s">
        <v>7</v>
      </c>
      <c r="B234" s="109" t="s">
        <v>7</v>
      </c>
      <c r="C234" s="100" t="s">
        <v>7</v>
      </c>
      <c r="D234" s="60" t="s">
        <v>7</v>
      </c>
      <c r="E234" s="112" t="s">
        <v>134</v>
      </c>
      <c r="F234" s="126"/>
      <c r="G234" s="54"/>
      <c r="H234" s="91"/>
    </row>
    <row r="235" spans="1:8" ht="12.95" customHeight="1">
      <c r="A235" s="78" t="s">
        <v>7</v>
      </c>
      <c r="B235" s="110" t="s">
        <v>14</v>
      </c>
      <c r="C235" s="98" t="s">
        <v>7</v>
      </c>
      <c r="D235" s="52" t="s">
        <v>7</v>
      </c>
      <c r="E235" s="113" t="s">
        <v>7</v>
      </c>
      <c r="F235" s="52"/>
      <c r="G235" s="53"/>
      <c r="H235" s="90"/>
    </row>
    <row r="236" spans="1:8" ht="12.95" customHeight="1">
      <c r="A236" s="78" t="s">
        <v>7</v>
      </c>
      <c r="B236" s="108" t="s">
        <v>7</v>
      </c>
      <c r="C236" s="98" t="s">
        <v>7</v>
      </c>
      <c r="D236" s="52" t="s">
        <v>7</v>
      </c>
      <c r="E236" s="113" t="s">
        <v>7</v>
      </c>
      <c r="F236" s="52"/>
      <c r="G236" s="53"/>
      <c r="H236" s="90"/>
    </row>
    <row r="237" spans="1:8" ht="12.95" customHeight="1">
      <c r="A237" s="78" t="s">
        <v>7</v>
      </c>
      <c r="B237" s="109" t="s">
        <v>7</v>
      </c>
      <c r="C237" s="100" t="s">
        <v>7</v>
      </c>
      <c r="D237" s="60" t="s">
        <v>7</v>
      </c>
      <c r="E237" s="112" t="s">
        <v>7</v>
      </c>
      <c r="F237" s="60" t="s">
        <v>7</v>
      </c>
      <c r="G237" s="54" t="s">
        <v>7</v>
      </c>
      <c r="H237" s="91" t="s">
        <v>7</v>
      </c>
    </row>
    <row r="238" spans="1:8" ht="12.95" customHeight="1">
      <c r="A238" s="78"/>
      <c r="B238" s="45"/>
      <c r="C238" s="32"/>
      <c r="D238" s="61"/>
      <c r="E238" s="46"/>
      <c r="F238" s="61"/>
      <c r="G238" s="55"/>
      <c r="H238" s="12"/>
    </row>
    <row r="239" spans="1:8" ht="12.95" customHeight="1">
      <c r="A239" s="78"/>
      <c r="B239" s="40"/>
      <c r="C239" s="25"/>
      <c r="D239" s="52"/>
      <c r="E239" s="44"/>
      <c r="F239" s="52"/>
      <c r="G239" s="53"/>
      <c r="H239" s="5"/>
    </row>
    <row r="240" spans="1:8" ht="12.95" customHeight="1">
      <c r="A240" s="78"/>
      <c r="B240" s="42"/>
      <c r="C240" s="28"/>
      <c r="D240" s="60"/>
      <c r="E240" s="43"/>
      <c r="F240" s="60"/>
      <c r="G240" s="54"/>
      <c r="H240" s="8"/>
    </row>
    <row r="241" spans="1:8" ht="12.95" customHeight="1">
      <c r="A241" s="78"/>
      <c r="B241" s="45"/>
      <c r="C241" s="32"/>
      <c r="D241" s="61"/>
      <c r="E241" s="46"/>
      <c r="F241" s="61"/>
      <c r="G241" s="55"/>
      <c r="H241" s="12"/>
    </row>
    <row r="242" spans="1:8" ht="12.95" customHeight="1">
      <c r="A242" s="78"/>
      <c r="B242" s="40"/>
      <c r="C242" s="25"/>
      <c r="D242" s="52"/>
      <c r="E242" s="41"/>
      <c r="F242" s="64"/>
      <c r="G242" s="53"/>
      <c r="H242" s="5"/>
    </row>
    <row r="243" spans="1:8" ht="12.95" customHeight="1">
      <c r="A243" s="78"/>
      <c r="B243" s="42"/>
      <c r="C243" s="28"/>
      <c r="D243" s="60"/>
      <c r="E243" s="43"/>
      <c r="F243" s="60"/>
      <c r="G243" s="54"/>
      <c r="H243" s="8"/>
    </row>
    <row r="244" spans="1:8" ht="12.95" customHeight="1">
      <c r="A244" s="78"/>
      <c r="B244" s="45"/>
      <c r="C244" s="32"/>
      <c r="D244" s="61"/>
      <c r="E244" s="46"/>
      <c r="F244" s="61"/>
      <c r="G244" s="55"/>
      <c r="H244" s="12"/>
    </row>
    <row r="245" spans="1:8" ht="12.95" customHeight="1">
      <c r="A245" s="78"/>
      <c r="B245" s="40"/>
      <c r="C245" s="25"/>
      <c r="D245" s="52"/>
      <c r="E245" s="44"/>
      <c r="F245" s="52"/>
      <c r="G245" s="53"/>
      <c r="H245" s="5"/>
    </row>
    <row r="246" spans="1:8" ht="12.95" customHeight="1">
      <c r="A246" s="78"/>
      <c r="B246" s="42"/>
      <c r="C246" s="28"/>
      <c r="D246" s="60"/>
      <c r="E246" s="43"/>
      <c r="F246" s="60"/>
      <c r="G246" s="54"/>
      <c r="H246" s="8"/>
    </row>
    <row r="247" spans="1:8" ht="12.95" customHeight="1">
      <c r="A247" s="78"/>
      <c r="B247" s="45"/>
      <c r="C247" s="32"/>
      <c r="D247" s="61"/>
      <c r="E247" s="46"/>
      <c r="F247" s="61"/>
      <c r="G247" s="55"/>
      <c r="H247" s="12"/>
    </row>
    <row r="248" spans="1:8" ht="12.95" customHeight="1">
      <c r="A248" s="78"/>
      <c r="B248" s="40"/>
      <c r="C248" s="25"/>
      <c r="D248" s="52"/>
      <c r="E248" s="44"/>
      <c r="F248" s="52"/>
      <c r="G248" s="53"/>
      <c r="H248" s="5"/>
    </row>
    <row r="249" spans="1:8" ht="12.95" customHeight="1">
      <c r="A249" s="78"/>
      <c r="B249" s="42"/>
      <c r="C249" s="28"/>
      <c r="D249" s="60"/>
      <c r="E249" s="43"/>
      <c r="F249" s="60"/>
      <c r="G249" s="54"/>
      <c r="H249" s="8"/>
    </row>
    <row r="250" spans="1:8" ht="12.95" customHeight="1">
      <c r="A250" s="78"/>
      <c r="B250" s="45"/>
      <c r="C250" s="32"/>
      <c r="D250" s="61"/>
      <c r="E250" s="46"/>
      <c r="F250" s="61"/>
      <c r="G250" s="55"/>
      <c r="H250" s="12"/>
    </row>
    <row r="251" spans="1:8" ht="12.95" customHeight="1">
      <c r="A251" s="78"/>
      <c r="B251" s="40"/>
      <c r="C251" s="25"/>
      <c r="D251" s="52"/>
      <c r="E251" s="44"/>
      <c r="F251" s="52"/>
      <c r="G251" s="53"/>
      <c r="H251" s="5"/>
    </row>
    <row r="252" spans="1:8" ht="12.95" customHeight="1">
      <c r="A252" s="78"/>
      <c r="B252" s="42"/>
      <c r="C252" s="28"/>
      <c r="D252" s="60"/>
      <c r="E252" s="48"/>
      <c r="F252" s="66"/>
      <c r="G252" s="54"/>
      <c r="H252" s="8"/>
    </row>
    <row r="253" spans="1:8" ht="12.95" customHeight="1">
      <c r="A253" s="78"/>
      <c r="B253" s="45"/>
      <c r="C253" s="32"/>
      <c r="D253" s="61"/>
      <c r="E253" s="46"/>
      <c r="F253" s="61"/>
      <c r="G253" s="55"/>
      <c r="H253" s="12"/>
    </row>
    <row r="254" spans="1:8" ht="12.95" customHeight="1">
      <c r="A254" s="78"/>
      <c r="B254" s="40"/>
      <c r="C254" s="25"/>
      <c r="D254" s="62"/>
      <c r="E254" s="49"/>
      <c r="F254" s="62"/>
      <c r="G254" s="53"/>
      <c r="H254" s="5"/>
    </row>
    <row r="255" spans="1:8" ht="12.95" customHeight="1">
      <c r="A255" s="78"/>
      <c r="B255" s="50"/>
      <c r="C255" s="38"/>
      <c r="D255" s="63"/>
      <c r="E255" s="51"/>
      <c r="F255" s="63"/>
      <c r="G255" s="57"/>
      <c r="H255" s="18"/>
    </row>
    <row r="256" spans="1:8" ht="0.95" customHeight="1">
      <c r="B256" s="19"/>
      <c r="C256" s="19"/>
      <c r="D256" s="19"/>
      <c r="E256" s="19"/>
      <c r="F256" s="59"/>
      <c r="G256" s="19"/>
      <c r="H256" s="19"/>
    </row>
    <row r="257" spans="1:8" s="1" customFormat="1" ht="18" customHeight="1">
      <c r="B257" s="79" t="s">
        <v>707</v>
      </c>
      <c r="C257" s="79"/>
      <c r="D257" s="79"/>
      <c r="E257" s="79"/>
      <c r="F257" s="79"/>
      <c r="G257" s="79"/>
      <c r="H257" s="80"/>
    </row>
    <row r="258" spans="1:8" ht="21" customHeight="1">
      <c r="A258" s="78"/>
      <c r="B258" s="207" t="s">
        <v>652</v>
      </c>
      <c r="C258" s="208"/>
      <c r="D258" s="208" t="s">
        <v>701</v>
      </c>
      <c r="E258" s="208"/>
      <c r="F258" s="208"/>
      <c r="G258" s="208"/>
      <c r="H258" s="209"/>
    </row>
    <row r="259" spans="1:8" ht="21" customHeight="1">
      <c r="A259" s="78"/>
      <c r="B259" s="105" t="s">
        <v>87</v>
      </c>
      <c r="C259" s="106" t="s">
        <v>88</v>
      </c>
      <c r="D259" s="106" t="s">
        <v>56</v>
      </c>
      <c r="E259" s="106" t="s">
        <v>2</v>
      </c>
      <c r="F259" s="106" t="s">
        <v>89</v>
      </c>
      <c r="G259" s="106" t="s">
        <v>58</v>
      </c>
      <c r="H259" s="107" t="s">
        <v>4</v>
      </c>
    </row>
    <row r="260" spans="1:8" ht="12.95" customHeight="1">
      <c r="A260" s="78" t="s">
        <v>7</v>
      </c>
      <c r="B260" s="114" t="s">
        <v>698</v>
      </c>
      <c r="C260" s="115" t="s">
        <v>7</v>
      </c>
      <c r="D260" s="58" t="s">
        <v>7</v>
      </c>
      <c r="E260" s="119" t="s">
        <v>7</v>
      </c>
      <c r="F260" s="123"/>
      <c r="G260" s="58"/>
      <c r="H260" s="121"/>
    </row>
    <row r="261" spans="1:8" ht="12.95" customHeight="1">
      <c r="A261" s="78" t="s">
        <v>7</v>
      </c>
      <c r="B261" s="108" t="s">
        <v>7</v>
      </c>
      <c r="C261" s="98" t="s">
        <v>7</v>
      </c>
      <c r="D261" s="53" t="s">
        <v>10</v>
      </c>
      <c r="E261" s="111" t="s">
        <v>7</v>
      </c>
      <c r="F261" s="124"/>
      <c r="G261" s="53"/>
      <c r="H261" s="90"/>
    </row>
    <row r="262" spans="1:8" ht="12.95" customHeight="1">
      <c r="A262" s="78" t="s">
        <v>7</v>
      </c>
      <c r="B262" s="116" t="s">
        <v>7</v>
      </c>
      <c r="C262" s="117" t="s">
        <v>7</v>
      </c>
      <c r="D262" s="57" t="s">
        <v>7</v>
      </c>
      <c r="E262" s="120" t="s">
        <v>11</v>
      </c>
      <c r="F262" s="125"/>
      <c r="G262" s="57"/>
      <c r="H262" s="122"/>
    </row>
    <row r="263" spans="1:8" ht="12.95" customHeight="1">
      <c r="A263" s="78" t="s">
        <v>7</v>
      </c>
      <c r="B263" s="118" t="s">
        <v>788</v>
      </c>
      <c r="C263" s="98" t="s">
        <v>789</v>
      </c>
      <c r="D263" s="52" t="s">
        <v>7</v>
      </c>
      <c r="E263" s="113" t="s">
        <v>7</v>
      </c>
      <c r="F263" s="124"/>
      <c r="G263" s="53"/>
      <c r="H263" s="90"/>
    </row>
    <row r="264" spans="1:8" ht="12.95" customHeight="1">
      <c r="A264" s="78" t="s">
        <v>7</v>
      </c>
      <c r="B264" s="108" t="s">
        <v>7</v>
      </c>
      <c r="C264" s="98" t="s">
        <v>7</v>
      </c>
      <c r="D264" s="52" t="s">
        <v>10</v>
      </c>
      <c r="E264" s="111" t="s">
        <v>7</v>
      </c>
      <c r="F264" s="52"/>
      <c r="G264" s="53"/>
      <c r="H264" s="90"/>
    </row>
    <row r="265" spans="1:8" ht="12.95" customHeight="1">
      <c r="A265" s="78" t="s">
        <v>7</v>
      </c>
      <c r="B265" s="109" t="s">
        <v>7</v>
      </c>
      <c r="C265" s="100" t="s">
        <v>7</v>
      </c>
      <c r="D265" s="60" t="s">
        <v>7</v>
      </c>
      <c r="E265" s="112" t="s">
        <v>790</v>
      </c>
      <c r="F265" s="126"/>
      <c r="G265" s="54"/>
      <c r="H265" s="91"/>
    </row>
    <row r="266" spans="1:8" ht="12.95" customHeight="1">
      <c r="A266" s="78" t="s">
        <v>7</v>
      </c>
      <c r="B266" s="110" t="s">
        <v>14</v>
      </c>
      <c r="C266" s="98" t="s">
        <v>7</v>
      </c>
      <c r="D266" s="52" t="s">
        <v>7</v>
      </c>
      <c r="E266" s="113" t="s">
        <v>7</v>
      </c>
      <c r="F266" s="52"/>
      <c r="G266" s="53"/>
      <c r="H266" s="90"/>
    </row>
    <row r="267" spans="1:8" ht="12.95" customHeight="1">
      <c r="A267" s="78" t="s">
        <v>7</v>
      </c>
      <c r="B267" s="108" t="s">
        <v>7</v>
      </c>
      <c r="C267" s="98" t="s">
        <v>7</v>
      </c>
      <c r="D267" s="52" t="s">
        <v>7</v>
      </c>
      <c r="E267" s="113" t="s">
        <v>7</v>
      </c>
      <c r="F267" s="52"/>
      <c r="G267" s="53"/>
      <c r="H267" s="90"/>
    </row>
    <row r="268" spans="1:8" ht="12.95" customHeight="1">
      <c r="A268" s="78" t="s">
        <v>7</v>
      </c>
      <c r="B268" s="109" t="s">
        <v>7</v>
      </c>
      <c r="C268" s="100" t="s">
        <v>7</v>
      </c>
      <c r="D268" s="60" t="s">
        <v>7</v>
      </c>
      <c r="E268" s="112" t="s">
        <v>7</v>
      </c>
      <c r="F268" s="60"/>
      <c r="G268" s="54"/>
      <c r="H268" s="91"/>
    </row>
    <row r="269" spans="1:8" ht="12.95" customHeight="1">
      <c r="A269" s="78"/>
      <c r="B269" s="45"/>
      <c r="C269" s="32"/>
      <c r="D269" s="61"/>
      <c r="E269" s="46"/>
      <c r="F269" s="61"/>
      <c r="G269" s="55"/>
      <c r="H269" s="12"/>
    </row>
    <row r="270" spans="1:8" ht="12.95" customHeight="1">
      <c r="A270" s="78"/>
      <c r="B270" s="40"/>
      <c r="C270" s="25"/>
      <c r="D270" s="52"/>
      <c r="E270" s="44"/>
      <c r="F270" s="52"/>
      <c r="G270" s="53"/>
      <c r="H270" s="5"/>
    </row>
    <row r="271" spans="1:8" ht="12.95" customHeight="1">
      <c r="A271" s="78"/>
      <c r="B271" s="42"/>
      <c r="C271" s="28"/>
      <c r="D271" s="60"/>
      <c r="E271" s="43"/>
      <c r="F271" s="60"/>
      <c r="G271" s="54"/>
      <c r="H271" s="8"/>
    </row>
    <row r="272" spans="1:8" ht="12.95" customHeight="1">
      <c r="A272" s="78" t="s">
        <v>7</v>
      </c>
      <c r="B272" s="114" t="s">
        <v>65</v>
      </c>
      <c r="C272" s="115" t="s">
        <v>7</v>
      </c>
      <c r="D272" s="58" t="s">
        <v>7</v>
      </c>
      <c r="E272" s="119" t="s">
        <v>7</v>
      </c>
      <c r="F272" s="123"/>
      <c r="G272" s="58"/>
      <c r="H272" s="121"/>
    </row>
    <row r="273" spans="1:8" ht="12.95" customHeight="1">
      <c r="A273" s="78" t="s">
        <v>7</v>
      </c>
      <c r="B273" s="108" t="s">
        <v>7</v>
      </c>
      <c r="C273" s="98" t="s">
        <v>7</v>
      </c>
      <c r="D273" s="53" t="s">
        <v>10</v>
      </c>
      <c r="E273" s="111" t="s">
        <v>7</v>
      </c>
      <c r="F273" s="124"/>
      <c r="G273" s="53"/>
      <c r="H273" s="90"/>
    </row>
    <row r="274" spans="1:8" ht="12.95" customHeight="1">
      <c r="A274" s="78" t="s">
        <v>7</v>
      </c>
      <c r="B274" s="116" t="s">
        <v>7</v>
      </c>
      <c r="C274" s="117" t="s">
        <v>7</v>
      </c>
      <c r="D274" s="57" t="s">
        <v>7</v>
      </c>
      <c r="E274" s="120" t="s">
        <v>11</v>
      </c>
      <c r="F274" s="125"/>
      <c r="G274" s="57"/>
      <c r="H274" s="122"/>
    </row>
    <row r="275" spans="1:8" ht="12.95" customHeight="1">
      <c r="A275" s="78" t="s">
        <v>7</v>
      </c>
      <c r="B275" s="118" t="s">
        <v>791</v>
      </c>
      <c r="C275" s="98" t="s">
        <v>792</v>
      </c>
      <c r="D275" s="52" t="s">
        <v>7</v>
      </c>
      <c r="E275" s="113" t="s">
        <v>7</v>
      </c>
      <c r="F275" s="124"/>
      <c r="G275" s="53"/>
      <c r="H275" s="90"/>
    </row>
    <row r="276" spans="1:8" ht="12.95" customHeight="1">
      <c r="A276" s="78" t="s">
        <v>7</v>
      </c>
      <c r="B276" s="108" t="s">
        <v>7</v>
      </c>
      <c r="C276" s="98" t="s">
        <v>7</v>
      </c>
      <c r="D276" s="52" t="s">
        <v>484</v>
      </c>
      <c r="E276" s="111" t="s">
        <v>7</v>
      </c>
      <c r="F276" s="52"/>
      <c r="G276" s="53"/>
      <c r="H276" s="90"/>
    </row>
    <row r="277" spans="1:8" ht="12.95" customHeight="1">
      <c r="A277" s="78" t="s">
        <v>7</v>
      </c>
      <c r="B277" s="109" t="s">
        <v>7</v>
      </c>
      <c r="C277" s="100" t="s">
        <v>7</v>
      </c>
      <c r="D277" s="60" t="s">
        <v>7</v>
      </c>
      <c r="E277" s="112" t="s">
        <v>134</v>
      </c>
      <c r="F277" s="126"/>
      <c r="G277" s="54"/>
      <c r="H277" s="91"/>
    </row>
    <row r="278" spans="1:8" ht="12.95" customHeight="1">
      <c r="A278" s="78" t="s">
        <v>7</v>
      </c>
      <c r="B278" s="118" t="s">
        <v>793</v>
      </c>
      <c r="C278" s="98" t="s">
        <v>789</v>
      </c>
      <c r="D278" s="52" t="s">
        <v>7</v>
      </c>
      <c r="E278" s="113" t="s">
        <v>7</v>
      </c>
      <c r="F278" s="124"/>
      <c r="G278" s="53"/>
      <c r="H278" s="90"/>
    </row>
    <row r="279" spans="1:8" ht="12.95" customHeight="1">
      <c r="A279" s="78" t="s">
        <v>7</v>
      </c>
      <c r="B279" s="108" t="s">
        <v>7</v>
      </c>
      <c r="C279" s="98" t="s">
        <v>7</v>
      </c>
      <c r="D279" s="52" t="s">
        <v>10</v>
      </c>
      <c r="E279" s="111" t="s">
        <v>7</v>
      </c>
      <c r="F279" s="52"/>
      <c r="G279" s="53"/>
      <c r="H279" s="90"/>
    </row>
    <row r="280" spans="1:8" ht="12.95" customHeight="1">
      <c r="A280" s="78" t="s">
        <v>7</v>
      </c>
      <c r="B280" s="109" t="s">
        <v>7</v>
      </c>
      <c r="C280" s="100" t="s">
        <v>7</v>
      </c>
      <c r="D280" s="60" t="s">
        <v>7</v>
      </c>
      <c r="E280" s="112" t="s">
        <v>790</v>
      </c>
      <c r="F280" s="126"/>
      <c r="G280" s="54"/>
      <c r="H280" s="91"/>
    </row>
    <row r="281" spans="1:8" ht="12.95" customHeight="1">
      <c r="A281" s="78" t="s">
        <v>7</v>
      </c>
      <c r="B281" s="110" t="s">
        <v>14</v>
      </c>
      <c r="C281" s="98" t="s">
        <v>7</v>
      </c>
      <c r="D281" s="52" t="s">
        <v>7</v>
      </c>
      <c r="E281" s="113" t="s">
        <v>7</v>
      </c>
      <c r="F281" s="52"/>
      <c r="G281" s="53"/>
      <c r="H281" s="90"/>
    </row>
    <row r="282" spans="1:8" ht="12.95" customHeight="1">
      <c r="A282" s="78" t="s">
        <v>7</v>
      </c>
      <c r="B282" s="108" t="s">
        <v>7</v>
      </c>
      <c r="C282" s="98" t="s">
        <v>7</v>
      </c>
      <c r="D282" s="52" t="s">
        <v>7</v>
      </c>
      <c r="E282" s="113" t="s">
        <v>7</v>
      </c>
      <c r="F282" s="52"/>
      <c r="G282" s="53"/>
      <c r="H282" s="90"/>
    </row>
    <row r="283" spans="1:8" ht="12.95" customHeight="1">
      <c r="A283" s="78" t="s">
        <v>7</v>
      </c>
      <c r="B283" s="109" t="s">
        <v>7</v>
      </c>
      <c r="C283" s="100" t="s">
        <v>7</v>
      </c>
      <c r="D283" s="60" t="s">
        <v>7</v>
      </c>
      <c r="E283" s="112" t="s">
        <v>7</v>
      </c>
      <c r="F283" s="60"/>
      <c r="G283" s="54"/>
      <c r="H283" s="91"/>
    </row>
    <row r="284" spans="1:8" ht="12.95" customHeight="1">
      <c r="A284" s="78"/>
      <c r="B284" s="45"/>
      <c r="C284" s="32"/>
      <c r="D284" s="61"/>
      <c r="E284" s="46"/>
      <c r="F284" s="61"/>
      <c r="G284" s="55"/>
      <c r="H284" s="12"/>
    </row>
    <row r="285" spans="1:8" ht="12.95" customHeight="1">
      <c r="A285" s="78"/>
      <c r="B285" s="40"/>
      <c r="C285" s="25"/>
      <c r="D285" s="52"/>
      <c r="E285" s="44"/>
      <c r="F285" s="52"/>
      <c r="G285" s="53"/>
      <c r="H285" s="5"/>
    </row>
    <row r="286" spans="1:8" ht="12.95" customHeight="1">
      <c r="A286" s="78"/>
      <c r="B286" s="42"/>
      <c r="C286" s="28"/>
      <c r="D286" s="60"/>
      <c r="E286" s="43"/>
      <c r="F286" s="60"/>
      <c r="G286" s="54"/>
      <c r="H286" s="8"/>
    </row>
    <row r="287" spans="1:8" ht="12.95" customHeight="1">
      <c r="A287" s="78"/>
      <c r="B287" s="45"/>
      <c r="C287" s="32"/>
      <c r="D287" s="61"/>
      <c r="E287" s="46"/>
      <c r="F287" s="61"/>
      <c r="G287" s="55"/>
      <c r="H287" s="12"/>
    </row>
    <row r="288" spans="1:8" ht="12.95" customHeight="1">
      <c r="A288" s="78"/>
      <c r="B288" s="40"/>
      <c r="C288" s="25"/>
      <c r="D288" s="52"/>
      <c r="E288" s="44"/>
      <c r="F288" s="52"/>
      <c r="G288" s="53"/>
      <c r="H288" s="5"/>
    </row>
    <row r="289" spans="1:8" ht="12.95" customHeight="1">
      <c r="A289" s="78"/>
      <c r="B289" s="42"/>
      <c r="C289" s="28"/>
      <c r="D289" s="60"/>
      <c r="E289" s="43"/>
      <c r="F289" s="60"/>
      <c r="G289" s="54"/>
      <c r="H289" s="8"/>
    </row>
    <row r="290" spans="1:8" ht="12.95" customHeight="1">
      <c r="A290" s="78"/>
      <c r="B290" s="45"/>
      <c r="C290" s="32"/>
      <c r="D290" s="61"/>
      <c r="E290" s="46"/>
      <c r="F290" s="61"/>
      <c r="G290" s="55"/>
      <c r="H290" s="12"/>
    </row>
    <row r="291" spans="1:8" ht="12.95" customHeight="1">
      <c r="A291" s="78"/>
      <c r="B291" s="40"/>
      <c r="C291" s="25"/>
      <c r="D291" s="52"/>
      <c r="E291" s="44"/>
      <c r="F291" s="52"/>
      <c r="G291" s="53"/>
      <c r="H291" s="5"/>
    </row>
    <row r="292" spans="1:8" ht="12.95" customHeight="1">
      <c r="A292" s="78"/>
      <c r="B292" s="42"/>
      <c r="C292" s="28"/>
      <c r="D292" s="60"/>
      <c r="E292" s="43"/>
      <c r="F292" s="60"/>
      <c r="G292" s="54"/>
      <c r="H292" s="8"/>
    </row>
    <row r="293" spans="1:8" ht="12.95" customHeight="1">
      <c r="A293" s="78"/>
      <c r="B293" s="45"/>
      <c r="C293" s="32"/>
      <c r="D293" s="61"/>
      <c r="E293" s="46"/>
      <c r="F293" s="61"/>
      <c r="G293" s="55"/>
      <c r="H293" s="12"/>
    </row>
    <row r="294" spans="1:8" ht="12.95" customHeight="1">
      <c r="A294" s="78"/>
      <c r="B294" s="40"/>
      <c r="C294" s="25"/>
      <c r="D294" s="52"/>
      <c r="E294" s="44"/>
      <c r="F294" s="52"/>
      <c r="G294" s="53"/>
      <c r="H294" s="5"/>
    </row>
    <row r="295" spans="1:8" ht="12.95" customHeight="1">
      <c r="A295" s="78"/>
      <c r="B295" s="42"/>
      <c r="C295" s="28"/>
      <c r="D295" s="60"/>
      <c r="E295" s="43"/>
      <c r="F295" s="60"/>
      <c r="G295" s="54"/>
      <c r="H295" s="8"/>
    </row>
    <row r="296" spans="1:8" ht="12.95" customHeight="1">
      <c r="A296" s="78"/>
      <c r="B296" s="45"/>
      <c r="C296" s="32"/>
      <c r="D296" s="61"/>
      <c r="E296" s="47"/>
      <c r="F296" s="65"/>
      <c r="G296" s="55"/>
      <c r="H296" s="12"/>
    </row>
    <row r="297" spans="1:8" ht="12.95" customHeight="1">
      <c r="A297" s="78"/>
      <c r="B297" s="40"/>
      <c r="C297" s="25"/>
      <c r="D297" s="52"/>
      <c r="E297" s="44"/>
      <c r="F297" s="52"/>
      <c r="G297" s="53"/>
      <c r="H297" s="5"/>
    </row>
    <row r="298" spans="1:8" ht="12.95" customHeight="1">
      <c r="A298" s="78"/>
      <c r="B298" s="42"/>
      <c r="C298" s="28"/>
      <c r="D298" s="60"/>
      <c r="E298" s="43"/>
      <c r="F298" s="60"/>
      <c r="G298" s="54"/>
      <c r="H298" s="8"/>
    </row>
    <row r="299" spans="1:8" ht="12.95" customHeight="1">
      <c r="A299" s="78"/>
      <c r="B299" s="45"/>
      <c r="C299" s="32"/>
      <c r="D299" s="61"/>
      <c r="E299" s="46"/>
      <c r="F299" s="61"/>
      <c r="G299" s="55"/>
      <c r="H299" s="12"/>
    </row>
    <row r="300" spans="1:8" ht="12.95" customHeight="1">
      <c r="A300" s="78"/>
      <c r="B300" s="40"/>
      <c r="C300" s="25"/>
      <c r="D300" s="52"/>
      <c r="E300" s="44"/>
      <c r="F300" s="52"/>
      <c r="G300" s="53"/>
      <c r="H300" s="5"/>
    </row>
    <row r="301" spans="1:8" ht="12.95" customHeight="1">
      <c r="A301" s="78"/>
      <c r="B301" s="42"/>
      <c r="C301" s="28"/>
      <c r="D301" s="60"/>
      <c r="E301" s="43"/>
      <c r="F301" s="60"/>
      <c r="G301" s="54"/>
      <c r="H301" s="8"/>
    </row>
    <row r="302" spans="1:8" ht="12.95" customHeight="1">
      <c r="A302" s="78"/>
      <c r="B302" s="45"/>
      <c r="C302" s="32"/>
      <c r="D302" s="61"/>
      <c r="E302" s="46"/>
      <c r="F302" s="61"/>
      <c r="G302" s="55"/>
      <c r="H302" s="12"/>
    </row>
    <row r="303" spans="1:8" ht="12.95" customHeight="1">
      <c r="A303" s="78"/>
      <c r="B303" s="40"/>
      <c r="C303" s="25"/>
      <c r="D303" s="52"/>
      <c r="E303" s="44"/>
      <c r="F303" s="52"/>
      <c r="G303" s="53"/>
      <c r="H303" s="5"/>
    </row>
    <row r="304" spans="1:8" ht="12.95" customHeight="1">
      <c r="A304" s="78"/>
      <c r="B304" s="42"/>
      <c r="C304" s="28"/>
      <c r="D304" s="60"/>
      <c r="E304" s="43"/>
      <c r="F304" s="60"/>
      <c r="G304" s="54"/>
      <c r="H304" s="8"/>
    </row>
    <row r="305" spans="1:8" ht="12.95" customHeight="1">
      <c r="A305" s="78"/>
      <c r="B305" s="45"/>
      <c r="C305" s="32"/>
      <c r="D305" s="61"/>
      <c r="E305" s="46"/>
      <c r="F305" s="61"/>
      <c r="G305" s="55"/>
      <c r="H305" s="12"/>
    </row>
    <row r="306" spans="1:8" ht="12.95" customHeight="1">
      <c r="A306" s="78"/>
      <c r="B306" s="40"/>
      <c r="C306" s="25"/>
      <c r="D306" s="52"/>
      <c r="E306" s="41"/>
      <c r="F306" s="64"/>
      <c r="G306" s="53"/>
      <c r="H306" s="5"/>
    </row>
    <row r="307" spans="1:8" ht="12.95" customHeight="1">
      <c r="A307" s="78"/>
      <c r="B307" s="42"/>
      <c r="C307" s="28"/>
      <c r="D307" s="60"/>
      <c r="E307" s="43"/>
      <c r="F307" s="60"/>
      <c r="G307" s="54"/>
      <c r="H307" s="8"/>
    </row>
    <row r="308" spans="1:8" ht="12.95" customHeight="1">
      <c r="A308" s="78"/>
      <c r="B308" s="45"/>
      <c r="C308" s="32"/>
      <c r="D308" s="61"/>
      <c r="E308" s="46"/>
      <c r="F308" s="61"/>
      <c r="G308" s="55"/>
      <c r="H308" s="12"/>
    </row>
    <row r="309" spans="1:8" ht="12.95" customHeight="1">
      <c r="A309" s="78"/>
      <c r="B309" s="40"/>
      <c r="C309" s="25"/>
      <c r="D309" s="52"/>
      <c r="E309" s="44"/>
      <c r="F309" s="52"/>
      <c r="G309" s="53"/>
      <c r="H309" s="5"/>
    </row>
    <row r="310" spans="1:8" ht="12.95" customHeight="1">
      <c r="A310" s="78"/>
      <c r="B310" s="42"/>
      <c r="C310" s="28"/>
      <c r="D310" s="60"/>
      <c r="E310" s="43"/>
      <c r="F310" s="60"/>
      <c r="G310" s="54"/>
      <c r="H310" s="8"/>
    </row>
    <row r="311" spans="1:8" ht="12.95" customHeight="1">
      <c r="A311" s="78"/>
      <c r="B311" s="45"/>
      <c r="C311" s="32"/>
      <c r="D311" s="61"/>
      <c r="E311" s="46"/>
      <c r="F311" s="61"/>
      <c r="G311" s="55"/>
      <c r="H311" s="12"/>
    </row>
    <row r="312" spans="1:8" ht="12.95" customHeight="1">
      <c r="A312" s="78"/>
      <c r="B312" s="40"/>
      <c r="C312" s="25"/>
      <c r="D312" s="52"/>
      <c r="E312" s="44"/>
      <c r="F312" s="52"/>
      <c r="G312" s="53"/>
      <c r="H312" s="5"/>
    </row>
    <row r="313" spans="1:8" ht="12.95" customHeight="1">
      <c r="A313" s="78"/>
      <c r="B313" s="42"/>
      <c r="C313" s="28"/>
      <c r="D313" s="60"/>
      <c r="E313" s="43"/>
      <c r="F313" s="60"/>
      <c r="G313" s="54"/>
      <c r="H313" s="8"/>
    </row>
    <row r="314" spans="1:8" ht="12.95" customHeight="1">
      <c r="A314" s="78"/>
      <c r="B314" s="45"/>
      <c r="C314" s="32"/>
      <c r="D314" s="61"/>
      <c r="E314" s="46"/>
      <c r="F314" s="61"/>
      <c r="G314" s="55"/>
      <c r="H314" s="12"/>
    </row>
    <row r="315" spans="1:8" ht="12.95" customHeight="1">
      <c r="A315" s="78"/>
      <c r="B315" s="40"/>
      <c r="C315" s="25"/>
      <c r="D315" s="52"/>
      <c r="E315" s="44"/>
      <c r="F315" s="52"/>
      <c r="G315" s="53"/>
      <c r="H315" s="5"/>
    </row>
    <row r="316" spans="1:8" ht="12.95" customHeight="1">
      <c r="A316" s="78"/>
      <c r="B316" s="42"/>
      <c r="C316" s="28"/>
      <c r="D316" s="60"/>
      <c r="E316" s="48"/>
      <c r="F316" s="66"/>
      <c r="G316" s="54"/>
      <c r="H316" s="8"/>
    </row>
    <row r="317" spans="1:8" ht="12.95" customHeight="1">
      <c r="A317" s="78"/>
      <c r="B317" s="45"/>
      <c r="C317" s="32"/>
      <c r="D317" s="61"/>
      <c r="E317" s="46"/>
      <c r="F317" s="61"/>
      <c r="G317" s="55"/>
      <c r="H317" s="12"/>
    </row>
    <row r="318" spans="1:8" ht="12.95" customHeight="1">
      <c r="A318" s="78"/>
      <c r="B318" s="40"/>
      <c r="C318" s="25"/>
      <c r="D318" s="62"/>
      <c r="E318" s="49"/>
      <c r="F318" s="62"/>
      <c r="G318" s="53"/>
      <c r="H318" s="5"/>
    </row>
    <row r="319" spans="1:8" ht="12.95" customHeight="1">
      <c r="A319" s="78"/>
      <c r="B319" s="50"/>
      <c r="C319" s="38"/>
      <c r="D319" s="63"/>
      <c r="E319" s="51"/>
      <c r="F319" s="63"/>
      <c r="G319" s="57"/>
      <c r="H319" s="18"/>
    </row>
    <row r="320" spans="1:8" ht="0.95" customHeight="1">
      <c r="B320" s="19"/>
      <c r="C320" s="19"/>
      <c r="D320" s="19"/>
      <c r="E320" s="19"/>
      <c r="F320" s="59"/>
      <c r="G320" s="19"/>
      <c r="H320" s="19"/>
    </row>
    <row r="321" spans="1:8" s="1" customFormat="1" ht="18" customHeight="1">
      <c r="B321" s="79" t="s">
        <v>707</v>
      </c>
      <c r="C321" s="79"/>
      <c r="D321" s="79"/>
      <c r="E321" s="79"/>
      <c r="F321" s="79"/>
      <c r="G321" s="79"/>
      <c r="H321" s="80"/>
    </row>
    <row r="322" spans="1:8" ht="21" customHeight="1">
      <c r="A322" s="78"/>
      <c r="B322" s="207" t="s">
        <v>652</v>
      </c>
      <c r="C322" s="208"/>
      <c r="D322" s="208" t="s">
        <v>702</v>
      </c>
      <c r="E322" s="208"/>
      <c r="F322" s="208"/>
      <c r="G322" s="208" t="s">
        <v>703</v>
      </c>
      <c r="H322" s="209"/>
    </row>
    <row r="323" spans="1:8" ht="21" customHeight="1">
      <c r="A323" s="78"/>
      <c r="B323" s="105" t="s">
        <v>87</v>
      </c>
      <c r="C323" s="106" t="s">
        <v>88</v>
      </c>
      <c r="D323" s="106" t="s">
        <v>56</v>
      </c>
      <c r="E323" s="106" t="s">
        <v>2</v>
      </c>
      <c r="F323" s="106" t="s">
        <v>89</v>
      </c>
      <c r="G323" s="106" t="s">
        <v>58</v>
      </c>
      <c r="H323" s="107" t="s">
        <v>4</v>
      </c>
    </row>
    <row r="324" spans="1:8" ht="12.95" customHeight="1">
      <c r="A324" s="78" t="s">
        <v>7</v>
      </c>
      <c r="B324" s="114" t="s">
        <v>695</v>
      </c>
      <c r="C324" s="115" t="s">
        <v>7</v>
      </c>
      <c r="D324" s="58" t="s">
        <v>7</v>
      </c>
      <c r="E324" s="119" t="s">
        <v>7</v>
      </c>
      <c r="F324" s="123"/>
      <c r="G324" s="58"/>
      <c r="H324" s="121"/>
    </row>
    <row r="325" spans="1:8" ht="12.95" customHeight="1">
      <c r="A325" s="78" t="s">
        <v>7</v>
      </c>
      <c r="B325" s="108" t="s">
        <v>7</v>
      </c>
      <c r="C325" s="98" t="s">
        <v>7</v>
      </c>
      <c r="D325" s="53" t="s">
        <v>10</v>
      </c>
      <c r="E325" s="111" t="s">
        <v>7</v>
      </c>
      <c r="F325" s="124"/>
      <c r="G325" s="53"/>
      <c r="H325" s="90"/>
    </row>
    <row r="326" spans="1:8" ht="12.95" customHeight="1">
      <c r="A326" s="78" t="s">
        <v>7</v>
      </c>
      <c r="B326" s="116" t="s">
        <v>7</v>
      </c>
      <c r="C326" s="117" t="s">
        <v>7</v>
      </c>
      <c r="D326" s="57" t="s">
        <v>7</v>
      </c>
      <c r="E326" s="120" t="s">
        <v>11</v>
      </c>
      <c r="F326" s="125"/>
      <c r="G326" s="57"/>
      <c r="H326" s="122"/>
    </row>
    <row r="327" spans="1:8" ht="12.95" customHeight="1">
      <c r="A327" s="78" t="s">
        <v>7</v>
      </c>
      <c r="B327" s="118" t="s">
        <v>718</v>
      </c>
      <c r="C327" s="98" t="s">
        <v>794</v>
      </c>
      <c r="D327" s="52" t="s">
        <v>7</v>
      </c>
      <c r="E327" s="113" t="s">
        <v>7</v>
      </c>
      <c r="F327" s="124"/>
      <c r="G327" s="53"/>
      <c r="H327" s="90"/>
    </row>
    <row r="328" spans="1:8" ht="12.95" customHeight="1">
      <c r="A328" s="78" t="s">
        <v>7</v>
      </c>
      <c r="B328" s="108" t="s">
        <v>720</v>
      </c>
      <c r="C328" s="98" t="s">
        <v>7</v>
      </c>
      <c r="D328" s="52" t="s">
        <v>10</v>
      </c>
      <c r="E328" s="111" t="s">
        <v>7</v>
      </c>
      <c r="F328" s="52"/>
      <c r="G328" s="53"/>
      <c r="H328" s="90"/>
    </row>
    <row r="329" spans="1:8" ht="12.95" customHeight="1">
      <c r="A329" s="78" t="s">
        <v>7</v>
      </c>
      <c r="B329" s="109" t="s">
        <v>7</v>
      </c>
      <c r="C329" s="100" t="s">
        <v>7</v>
      </c>
      <c r="D329" s="60" t="s">
        <v>7</v>
      </c>
      <c r="E329" s="112" t="s">
        <v>134</v>
      </c>
      <c r="F329" s="126"/>
      <c r="G329" s="54"/>
      <c r="H329" s="91"/>
    </row>
    <row r="330" spans="1:8" ht="12.95" customHeight="1">
      <c r="A330" s="78" t="s">
        <v>7</v>
      </c>
      <c r="B330" s="110" t="s">
        <v>14</v>
      </c>
      <c r="C330" s="98" t="s">
        <v>7</v>
      </c>
      <c r="D330" s="52" t="s">
        <v>7</v>
      </c>
      <c r="E330" s="113" t="s">
        <v>7</v>
      </c>
      <c r="F330" s="52"/>
      <c r="G330" s="53"/>
      <c r="H330" s="90"/>
    </row>
    <row r="331" spans="1:8" ht="12.95" customHeight="1">
      <c r="A331" s="78" t="s">
        <v>7</v>
      </c>
      <c r="B331" s="108" t="s">
        <v>7</v>
      </c>
      <c r="C331" s="98" t="s">
        <v>7</v>
      </c>
      <c r="D331" s="52" t="s">
        <v>7</v>
      </c>
      <c r="E331" s="113" t="s">
        <v>7</v>
      </c>
      <c r="F331" s="52"/>
      <c r="G331" s="53"/>
      <c r="H331" s="90"/>
    </row>
    <row r="332" spans="1:8" ht="12.95" customHeight="1">
      <c r="A332" s="78" t="s">
        <v>7</v>
      </c>
      <c r="B332" s="109" t="s">
        <v>7</v>
      </c>
      <c r="C332" s="100" t="s">
        <v>7</v>
      </c>
      <c r="D332" s="60" t="s">
        <v>7</v>
      </c>
      <c r="E332" s="112" t="s">
        <v>7</v>
      </c>
      <c r="F332" s="60"/>
      <c r="G332" s="54"/>
      <c r="H332" s="91"/>
    </row>
    <row r="333" spans="1:8" ht="12.95" customHeight="1">
      <c r="A333" s="78"/>
      <c r="B333" s="45"/>
      <c r="C333" s="32"/>
      <c r="D333" s="61"/>
      <c r="E333" s="46"/>
      <c r="F333" s="61"/>
      <c r="G333" s="55"/>
      <c r="H333" s="12"/>
    </row>
    <row r="334" spans="1:8" ht="12.95" customHeight="1">
      <c r="A334" s="78"/>
      <c r="B334" s="40"/>
      <c r="C334" s="25"/>
      <c r="D334" s="52"/>
      <c r="E334" s="44"/>
      <c r="F334" s="52"/>
      <c r="G334" s="53"/>
      <c r="H334" s="5"/>
    </row>
    <row r="335" spans="1:8" ht="12.95" customHeight="1">
      <c r="A335" s="78"/>
      <c r="B335" s="42"/>
      <c r="C335" s="28"/>
      <c r="D335" s="60"/>
      <c r="E335" s="43"/>
      <c r="F335" s="60"/>
      <c r="G335" s="54"/>
      <c r="H335" s="8"/>
    </row>
    <row r="336" spans="1:8" ht="12.95" customHeight="1">
      <c r="A336" s="78" t="s">
        <v>7</v>
      </c>
      <c r="B336" s="114" t="s">
        <v>698</v>
      </c>
      <c r="C336" s="115" t="s">
        <v>7</v>
      </c>
      <c r="D336" s="58" t="s">
        <v>7</v>
      </c>
      <c r="E336" s="119" t="s">
        <v>7</v>
      </c>
      <c r="F336" s="123"/>
      <c r="G336" s="58"/>
      <c r="H336" s="121"/>
    </row>
    <row r="337" spans="1:8" ht="12.95" customHeight="1">
      <c r="A337" s="78" t="s">
        <v>7</v>
      </c>
      <c r="B337" s="108" t="s">
        <v>7</v>
      </c>
      <c r="C337" s="98" t="s">
        <v>7</v>
      </c>
      <c r="D337" s="53" t="s">
        <v>10</v>
      </c>
      <c r="E337" s="111" t="s">
        <v>7</v>
      </c>
      <c r="F337" s="124"/>
      <c r="G337" s="53"/>
      <c r="H337" s="90"/>
    </row>
    <row r="338" spans="1:8" ht="12.95" customHeight="1">
      <c r="A338" s="78" t="s">
        <v>7</v>
      </c>
      <c r="B338" s="116" t="s">
        <v>7</v>
      </c>
      <c r="C338" s="117" t="s">
        <v>7</v>
      </c>
      <c r="D338" s="57" t="s">
        <v>7</v>
      </c>
      <c r="E338" s="120" t="s">
        <v>11</v>
      </c>
      <c r="F338" s="125"/>
      <c r="G338" s="57"/>
      <c r="H338" s="122"/>
    </row>
    <row r="339" spans="1:8" ht="12.95" customHeight="1">
      <c r="A339" s="78" t="s">
        <v>7</v>
      </c>
      <c r="B339" s="118" t="s">
        <v>795</v>
      </c>
      <c r="C339" s="98" t="s">
        <v>796</v>
      </c>
      <c r="D339" s="52" t="s">
        <v>7</v>
      </c>
      <c r="E339" s="113" t="s">
        <v>7</v>
      </c>
      <c r="F339" s="124"/>
      <c r="G339" s="53"/>
      <c r="H339" s="90"/>
    </row>
    <row r="340" spans="1:8" ht="12.95" customHeight="1">
      <c r="A340" s="78" t="s">
        <v>7</v>
      </c>
      <c r="B340" s="108" t="s">
        <v>797</v>
      </c>
      <c r="C340" s="98" t="s">
        <v>7</v>
      </c>
      <c r="D340" s="52" t="s">
        <v>10</v>
      </c>
      <c r="E340" s="111" t="s">
        <v>7</v>
      </c>
      <c r="F340" s="52"/>
      <c r="G340" s="53"/>
      <c r="H340" s="90"/>
    </row>
    <row r="341" spans="1:8" ht="12.95" customHeight="1">
      <c r="A341" s="78" t="s">
        <v>7</v>
      </c>
      <c r="B341" s="109" t="s">
        <v>7</v>
      </c>
      <c r="C341" s="100" t="s">
        <v>7</v>
      </c>
      <c r="D341" s="60" t="s">
        <v>7</v>
      </c>
      <c r="E341" s="112" t="s">
        <v>134</v>
      </c>
      <c r="F341" s="126"/>
      <c r="G341" s="54"/>
      <c r="H341" s="91"/>
    </row>
    <row r="342" spans="1:8" ht="12.95" customHeight="1">
      <c r="A342" s="78" t="s">
        <v>7</v>
      </c>
      <c r="B342" s="118" t="s">
        <v>798</v>
      </c>
      <c r="C342" s="98" t="s">
        <v>799</v>
      </c>
      <c r="D342" s="52" t="s">
        <v>7</v>
      </c>
      <c r="E342" s="113" t="s">
        <v>7</v>
      </c>
      <c r="F342" s="124"/>
      <c r="G342" s="53"/>
      <c r="H342" s="90"/>
    </row>
    <row r="343" spans="1:8" ht="12.95" customHeight="1">
      <c r="A343" s="78" t="s">
        <v>7</v>
      </c>
      <c r="B343" s="108" t="s">
        <v>717</v>
      </c>
      <c r="C343" s="98" t="s">
        <v>7</v>
      </c>
      <c r="D343" s="52" t="s">
        <v>10</v>
      </c>
      <c r="E343" s="111" t="s">
        <v>7</v>
      </c>
      <c r="F343" s="52"/>
      <c r="G343" s="53"/>
      <c r="H343" s="90"/>
    </row>
    <row r="344" spans="1:8" ht="12.95" customHeight="1">
      <c r="A344" s="78" t="s">
        <v>7</v>
      </c>
      <c r="B344" s="109" t="s">
        <v>7</v>
      </c>
      <c r="C344" s="100" t="s">
        <v>7</v>
      </c>
      <c r="D344" s="60" t="s">
        <v>7</v>
      </c>
      <c r="E344" s="112" t="s">
        <v>134</v>
      </c>
      <c r="F344" s="126"/>
      <c r="G344" s="54"/>
      <c r="H344" s="91"/>
    </row>
    <row r="345" spans="1:8" ht="12.95" customHeight="1">
      <c r="A345" s="78" t="s">
        <v>7</v>
      </c>
      <c r="B345" s="118" t="s">
        <v>800</v>
      </c>
      <c r="C345" s="98" t="s">
        <v>801</v>
      </c>
      <c r="D345" s="52" t="s">
        <v>7</v>
      </c>
      <c r="E345" s="113" t="s">
        <v>7</v>
      </c>
      <c r="F345" s="124"/>
      <c r="G345" s="53"/>
      <c r="H345" s="90"/>
    </row>
    <row r="346" spans="1:8" ht="12.95" customHeight="1">
      <c r="A346" s="78" t="s">
        <v>7</v>
      </c>
      <c r="B346" s="108" t="s">
        <v>7</v>
      </c>
      <c r="C346" s="98" t="s">
        <v>7</v>
      </c>
      <c r="D346" s="52" t="s">
        <v>10</v>
      </c>
      <c r="E346" s="111" t="s">
        <v>7</v>
      </c>
      <c r="F346" s="52"/>
      <c r="G346" s="53"/>
      <c r="H346" s="90"/>
    </row>
    <row r="347" spans="1:8" ht="12.95" customHeight="1">
      <c r="A347" s="78" t="s">
        <v>7</v>
      </c>
      <c r="B347" s="109" t="s">
        <v>7</v>
      </c>
      <c r="C347" s="100" t="s">
        <v>7</v>
      </c>
      <c r="D347" s="60" t="s">
        <v>7</v>
      </c>
      <c r="E347" s="112" t="s">
        <v>802</v>
      </c>
      <c r="F347" s="126"/>
      <c r="G347" s="54"/>
      <c r="H347" s="91"/>
    </row>
    <row r="348" spans="1:8" ht="12.95" customHeight="1">
      <c r="A348" s="78" t="s">
        <v>7</v>
      </c>
      <c r="B348" s="110" t="s">
        <v>14</v>
      </c>
      <c r="C348" s="98" t="s">
        <v>7</v>
      </c>
      <c r="D348" s="52" t="s">
        <v>7</v>
      </c>
      <c r="E348" s="113" t="s">
        <v>7</v>
      </c>
      <c r="F348" s="52"/>
      <c r="G348" s="53"/>
      <c r="H348" s="90"/>
    </row>
    <row r="349" spans="1:8" ht="12.95" customHeight="1">
      <c r="A349" s="78" t="s">
        <v>7</v>
      </c>
      <c r="B349" s="108" t="s">
        <v>7</v>
      </c>
      <c r="C349" s="98" t="s">
        <v>7</v>
      </c>
      <c r="D349" s="52" t="s">
        <v>7</v>
      </c>
      <c r="E349" s="113" t="s">
        <v>7</v>
      </c>
      <c r="F349" s="52"/>
      <c r="G349" s="53"/>
      <c r="H349" s="90"/>
    </row>
    <row r="350" spans="1:8" ht="12.95" customHeight="1">
      <c r="A350" s="78" t="s">
        <v>7</v>
      </c>
      <c r="B350" s="109" t="s">
        <v>7</v>
      </c>
      <c r="C350" s="100" t="s">
        <v>7</v>
      </c>
      <c r="D350" s="60" t="s">
        <v>7</v>
      </c>
      <c r="E350" s="112" t="s">
        <v>7</v>
      </c>
      <c r="F350" s="60"/>
      <c r="G350" s="54"/>
      <c r="H350" s="91"/>
    </row>
    <row r="351" spans="1:8" ht="12.95" customHeight="1">
      <c r="A351" s="78"/>
      <c r="B351" s="45"/>
      <c r="C351" s="32"/>
      <c r="D351" s="61"/>
      <c r="E351" s="46"/>
      <c r="F351" s="61"/>
      <c r="G351" s="55"/>
      <c r="H351" s="12"/>
    </row>
    <row r="352" spans="1:8" ht="12.95" customHeight="1">
      <c r="A352" s="78"/>
      <c r="B352" s="40"/>
      <c r="C352" s="25"/>
      <c r="D352" s="52"/>
      <c r="E352" s="44"/>
      <c r="F352" s="52"/>
      <c r="G352" s="53"/>
      <c r="H352" s="5"/>
    </row>
    <row r="353" spans="1:8" ht="12.95" customHeight="1">
      <c r="A353" s="78"/>
      <c r="B353" s="42"/>
      <c r="C353" s="28"/>
      <c r="D353" s="60"/>
      <c r="E353" s="43"/>
      <c r="F353" s="60"/>
      <c r="G353" s="54"/>
      <c r="H353" s="8"/>
    </row>
    <row r="354" spans="1:8" ht="12.95" customHeight="1">
      <c r="A354" s="78" t="s">
        <v>7</v>
      </c>
      <c r="B354" s="114" t="s">
        <v>65</v>
      </c>
      <c r="C354" s="115" t="s">
        <v>7</v>
      </c>
      <c r="D354" s="58" t="s">
        <v>7</v>
      </c>
      <c r="E354" s="119" t="s">
        <v>7</v>
      </c>
      <c r="F354" s="123"/>
      <c r="G354" s="58"/>
      <c r="H354" s="121"/>
    </row>
    <row r="355" spans="1:8" ht="12.95" customHeight="1">
      <c r="A355" s="78" t="s">
        <v>7</v>
      </c>
      <c r="B355" s="108" t="s">
        <v>7</v>
      </c>
      <c r="C355" s="98" t="s">
        <v>7</v>
      </c>
      <c r="D355" s="53" t="s">
        <v>10</v>
      </c>
      <c r="E355" s="111" t="s">
        <v>7</v>
      </c>
      <c r="F355" s="124"/>
      <c r="G355" s="53"/>
      <c r="H355" s="90"/>
    </row>
    <row r="356" spans="1:8" ht="12.95" customHeight="1">
      <c r="A356" s="78" t="s">
        <v>7</v>
      </c>
      <c r="B356" s="116" t="s">
        <v>7</v>
      </c>
      <c r="C356" s="117" t="s">
        <v>7</v>
      </c>
      <c r="D356" s="57" t="s">
        <v>7</v>
      </c>
      <c r="E356" s="120" t="s">
        <v>11</v>
      </c>
      <c r="F356" s="125"/>
      <c r="G356" s="57"/>
      <c r="H356" s="122"/>
    </row>
    <row r="357" spans="1:8" ht="12.95" customHeight="1">
      <c r="A357" s="78" t="s">
        <v>7</v>
      </c>
      <c r="B357" s="118" t="s">
        <v>755</v>
      </c>
      <c r="C357" s="98" t="s">
        <v>803</v>
      </c>
      <c r="D357" s="52" t="s">
        <v>7</v>
      </c>
      <c r="E357" s="113" t="s">
        <v>7</v>
      </c>
      <c r="F357" s="124"/>
      <c r="G357" s="53"/>
      <c r="H357" s="90"/>
    </row>
    <row r="358" spans="1:8" ht="12.95" customHeight="1">
      <c r="A358" s="78" t="s">
        <v>7</v>
      </c>
      <c r="B358" s="108" t="s">
        <v>65</v>
      </c>
      <c r="C358" s="98" t="s">
        <v>7</v>
      </c>
      <c r="D358" s="52" t="s">
        <v>10</v>
      </c>
      <c r="E358" s="111" t="s">
        <v>7</v>
      </c>
      <c r="F358" s="52"/>
      <c r="G358" s="53"/>
      <c r="H358" s="90"/>
    </row>
    <row r="359" spans="1:8" ht="12.95" customHeight="1">
      <c r="A359" s="78" t="s">
        <v>7</v>
      </c>
      <c r="B359" s="109" t="s">
        <v>7</v>
      </c>
      <c r="C359" s="100" t="s">
        <v>7</v>
      </c>
      <c r="D359" s="60" t="s">
        <v>7</v>
      </c>
      <c r="E359" s="112" t="s">
        <v>134</v>
      </c>
      <c r="F359" s="126"/>
      <c r="G359" s="54"/>
      <c r="H359" s="91"/>
    </row>
    <row r="360" spans="1:8" ht="12.95" customHeight="1">
      <c r="A360" s="78" t="s">
        <v>7</v>
      </c>
      <c r="B360" s="118" t="s">
        <v>804</v>
      </c>
      <c r="C360" s="98" t="s">
        <v>796</v>
      </c>
      <c r="D360" s="52" t="s">
        <v>7</v>
      </c>
      <c r="E360" s="113" t="s">
        <v>7</v>
      </c>
      <c r="F360" s="124"/>
      <c r="G360" s="53"/>
      <c r="H360" s="90"/>
    </row>
    <row r="361" spans="1:8" ht="12.95" customHeight="1">
      <c r="A361" s="78" t="s">
        <v>7</v>
      </c>
      <c r="B361" s="108" t="s">
        <v>805</v>
      </c>
      <c r="C361" s="98" t="s">
        <v>7</v>
      </c>
      <c r="D361" s="52" t="s">
        <v>10</v>
      </c>
      <c r="E361" s="111" t="s">
        <v>7</v>
      </c>
      <c r="F361" s="52"/>
      <c r="G361" s="53"/>
      <c r="H361" s="90"/>
    </row>
    <row r="362" spans="1:8" ht="12.95" customHeight="1">
      <c r="A362" s="78" t="s">
        <v>7</v>
      </c>
      <c r="B362" s="109" t="s">
        <v>7</v>
      </c>
      <c r="C362" s="100" t="s">
        <v>7</v>
      </c>
      <c r="D362" s="60" t="s">
        <v>7</v>
      </c>
      <c r="E362" s="112" t="s">
        <v>134</v>
      </c>
      <c r="F362" s="126"/>
      <c r="G362" s="54"/>
      <c r="H362" s="91"/>
    </row>
    <row r="363" spans="1:8" ht="12.95" customHeight="1">
      <c r="A363" s="78" t="s">
        <v>7</v>
      </c>
      <c r="B363" s="118" t="s">
        <v>806</v>
      </c>
      <c r="C363" s="98" t="s">
        <v>799</v>
      </c>
      <c r="D363" s="52" t="s">
        <v>7</v>
      </c>
      <c r="E363" s="113" t="s">
        <v>7</v>
      </c>
      <c r="F363" s="124"/>
      <c r="G363" s="53"/>
      <c r="H363" s="90"/>
    </row>
    <row r="364" spans="1:8" ht="12.95" customHeight="1">
      <c r="A364" s="78" t="s">
        <v>7</v>
      </c>
      <c r="B364" s="108" t="s">
        <v>807</v>
      </c>
      <c r="C364" s="98" t="s">
        <v>7</v>
      </c>
      <c r="D364" s="52" t="s">
        <v>10</v>
      </c>
      <c r="E364" s="111" t="s">
        <v>7</v>
      </c>
      <c r="F364" s="52"/>
      <c r="G364" s="53"/>
      <c r="H364" s="90"/>
    </row>
    <row r="365" spans="1:8" ht="12.95" customHeight="1">
      <c r="A365" s="78" t="s">
        <v>7</v>
      </c>
      <c r="B365" s="109" t="s">
        <v>7</v>
      </c>
      <c r="C365" s="100" t="s">
        <v>7</v>
      </c>
      <c r="D365" s="60" t="s">
        <v>7</v>
      </c>
      <c r="E365" s="112" t="s">
        <v>134</v>
      </c>
      <c r="F365" s="126"/>
      <c r="G365" s="54"/>
      <c r="H365" s="91"/>
    </row>
    <row r="366" spans="1:8" ht="12.95" customHeight="1">
      <c r="A366" s="78" t="s">
        <v>7</v>
      </c>
      <c r="B366" s="118" t="s">
        <v>808</v>
      </c>
      <c r="C366" s="98" t="s">
        <v>801</v>
      </c>
      <c r="D366" s="52" t="s">
        <v>7</v>
      </c>
      <c r="E366" s="113" t="s">
        <v>7</v>
      </c>
      <c r="F366" s="124"/>
      <c r="G366" s="53"/>
      <c r="H366" s="90"/>
    </row>
    <row r="367" spans="1:8" ht="12.95" customHeight="1">
      <c r="A367" s="78" t="s">
        <v>7</v>
      </c>
      <c r="B367" s="108" t="s">
        <v>797</v>
      </c>
      <c r="C367" s="98" t="s">
        <v>7</v>
      </c>
      <c r="D367" s="52" t="s">
        <v>10</v>
      </c>
      <c r="E367" s="111" t="s">
        <v>7</v>
      </c>
      <c r="F367" s="52"/>
      <c r="G367" s="53"/>
      <c r="H367" s="90"/>
    </row>
    <row r="368" spans="1:8" ht="12.95" customHeight="1">
      <c r="A368" s="78" t="s">
        <v>7</v>
      </c>
      <c r="B368" s="109" t="s">
        <v>7</v>
      </c>
      <c r="C368" s="100" t="s">
        <v>7</v>
      </c>
      <c r="D368" s="60" t="s">
        <v>7</v>
      </c>
      <c r="E368" s="112" t="s">
        <v>802</v>
      </c>
      <c r="F368" s="126"/>
      <c r="G368" s="54"/>
      <c r="H368" s="91"/>
    </row>
    <row r="369" spans="1:8" ht="12.95" customHeight="1">
      <c r="A369" s="78" t="s">
        <v>7</v>
      </c>
      <c r="B369" s="110" t="s">
        <v>14</v>
      </c>
      <c r="C369" s="98" t="s">
        <v>7</v>
      </c>
      <c r="D369" s="52" t="s">
        <v>7</v>
      </c>
      <c r="E369" s="113" t="s">
        <v>7</v>
      </c>
      <c r="F369" s="52"/>
      <c r="G369" s="53"/>
      <c r="H369" s="90"/>
    </row>
    <row r="370" spans="1:8" ht="12.95" customHeight="1">
      <c r="A370" s="78" t="s">
        <v>7</v>
      </c>
      <c r="B370" s="108" t="s">
        <v>7</v>
      </c>
      <c r="C370" s="98" t="s">
        <v>7</v>
      </c>
      <c r="D370" s="52" t="s">
        <v>7</v>
      </c>
      <c r="E370" s="113" t="s">
        <v>7</v>
      </c>
      <c r="F370" s="52"/>
      <c r="G370" s="53"/>
      <c r="H370" s="90"/>
    </row>
    <row r="371" spans="1:8" ht="12.95" customHeight="1">
      <c r="A371" s="78" t="s">
        <v>7</v>
      </c>
      <c r="B371" s="109" t="s">
        <v>7</v>
      </c>
      <c r="C371" s="100" t="s">
        <v>7</v>
      </c>
      <c r="D371" s="60" t="s">
        <v>7</v>
      </c>
      <c r="E371" s="112" t="s">
        <v>7</v>
      </c>
      <c r="F371" s="60"/>
      <c r="G371" s="54"/>
      <c r="H371" s="91"/>
    </row>
    <row r="372" spans="1:8" ht="12.95" customHeight="1">
      <c r="A372" s="78"/>
      <c r="B372" s="45"/>
      <c r="C372" s="32"/>
      <c r="D372" s="61"/>
      <c r="E372" s="46"/>
      <c r="F372" s="61"/>
      <c r="G372" s="55"/>
      <c r="H372" s="12"/>
    </row>
    <row r="373" spans="1:8" ht="12.95" customHeight="1">
      <c r="A373" s="78"/>
      <c r="B373" s="40"/>
      <c r="C373" s="25"/>
      <c r="D373" s="52"/>
      <c r="E373" s="44"/>
      <c r="F373" s="52"/>
      <c r="G373" s="53"/>
      <c r="H373" s="5"/>
    </row>
    <row r="374" spans="1:8" ht="12.95" customHeight="1">
      <c r="A374" s="78"/>
      <c r="B374" s="42"/>
      <c r="C374" s="28"/>
      <c r="D374" s="60"/>
      <c r="E374" s="43"/>
      <c r="F374" s="60"/>
      <c r="G374" s="54"/>
      <c r="H374" s="8"/>
    </row>
    <row r="375" spans="1:8" ht="12.95" customHeight="1">
      <c r="A375" s="78"/>
      <c r="B375" s="45"/>
      <c r="C375" s="32"/>
      <c r="D375" s="61"/>
      <c r="E375" s="46"/>
      <c r="F375" s="61"/>
      <c r="G375" s="55"/>
      <c r="H375" s="12"/>
    </row>
    <row r="376" spans="1:8" ht="12.95" customHeight="1">
      <c r="A376" s="78"/>
      <c r="B376" s="40"/>
      <c r="C376" s="25"/>
      <c r="D376" s="52"/>
      <c r="E376" s="44"/>
      <c r="F376" s="52"/>
      <c r="G376" s="53"/>
      <c r="H376" s="5"/>
    </row>
    <row r="377" spans="1:8" ht="12.95" customHeight="1">
      <c r="A377" s="78"/>
      <c r="B377" s="42"/>
      <c r="C377" s="28"/>
      <c r="D377" s="60"/>
      <c r="E377" s="43"/>
      <c r="F377" s="60"/>
      <c r="G377" s="54"/>
      <c r="H377" s="8"/>
    </row>
    <row r="378" spans="1:8" ht="12.95" customHeight="1">
      <c r="A378" s="78"/>
      <c r="B378" s="45"/>
      <c r="C378" s="32"/>
      <c r="D378" s="61"/>
      <c r="E378" s="46"/>
      <c r="F378" s="61"/>
      <c r="G378" s="55"/>
      <c r="H378" s="12"/>
    </row>
    <row r="379" spans="1:8" ht="12.95" customHeight="1">
      <c r="A379" s="78"/>
      <c r="B379" s="40"/>
      <c r="C379" s="25"/>
      <c r="D379" s="52"/>
      <c r="E379" s="44"/>
      <c r="F379" s="52"/>
      <c r="G379" s="53"/>
      <c r="H379" s="5"/>
    </row>
    <row r="380" spans="1:8" ht="12.95" customHeight="1">
      <c r="A380" s="78"/>
      <c r="B380" s="42"/>
      <c r="C380" s="28"/>
      <c r="D380" s="60"/>
      <c r="E380" s="48"/>
      <c r="F380" s="66"/>
      <c r="G380" s="54"/>
      <c r="H380" s="8"/>
    </row>
    <row r="381" spans="1:8" ht="12.95" customHeight="1">
      <c r="A381" s="78"/>
      <c r="B381" s="45"/>
      <c r="C381" s="32"/>
      <c r="D381" s="61"/>
      <c r="E381" s="46"/>
      <c r="F381" s="61"/>
      <c r="G381" s="55"/>
      <c r="H381" s="12"/>
    </row>
    <row r="382" spans="1:8" ht="12.95" customHeight="1">
      <c r="A382" s="78"/>
      <c r="B382" s="40"/>
      <c r="C382" s="25"/>
      <c r="D382" s="62"/>
      <c r="E382" s="49"/>
      <c r="F382" s="62"/>
      <c r="G382" s="53"/>
      <c r="H382" s="5"/>
    </row>
    <row r="383" spans="1:8" ht="12.95" customHeight="1">
      <c r="A383" s="78"/>
      <c r="B383" s="50"/>
      <c r="C383" s="38"/>
      <c r="D383" s="63"/>
      <c r="E383" s="51"/>
      <c r="F383" s="63"/>
      <c r="G383" s="57"/>
      <c r="H383" s="18"/>
    </row>
    <row r="384" spans="1:8" ht="0.95" customHeight="1">
      <c r="B384" s="19"/>
      <c r="C384" s="19"/>
      <c r="D384" s="19"/>
      <c r="E384" s="19"/>
      <c r="F384" s="59"/>
      <c r="G384" s="19"/>
      <c r="H384" s="19"/>
    </row>
  </sheetData>
  <mergeCells count="18">
    <mergeCell ref="B258:C258"/>
    <mergeCell ref="D258:F258"/>
    <mergeCell ref="G258:H258"/>
    <mergeCell ref="B322:C322"/>
    <mergeCell ref="D322:F322"/>
    <mergeCell ref="G322:H322"/>
    <mergeCell ref="B130:C130"/>
    <mergeCell ref="D130:F130"/>
    <mergeCell ref="G130:H130"/>
    <mergeCell ref="B194:C194"/>
    <mergeCell ref="D194:F194"/>
    <mergeCell ref="G194:H194"/>
    <mergeCell ref="B2:C2"/>
    <mergeCell ref="D2:F2"/>
    <mergeCell ref="G2:H2"/>
    <mergeCell ref="B66:C66"/>
    <mergeCell ref="D66:F66"/>
    <mergeCell ref="G66:H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6" manualBreakCount="6">
    <brk id="64" max="16383" man="1"/>
    <brk id="128" max="16383" man="1"/>
    <brk id="192" max="16383" man="1"/>
    <brk id="256" max="16383" man="1"/>
    <brk id="320" max="16383" man="1"/>
    <brk id="384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64"/>
  <sheetViews>
    <sheetView view="pageBreakPreview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20</v>
      </c>
      <c r="C1" s="79"/>
      <c r="D1" s="79"/>
      <c r="E1" s="79"/>
      <c r="F1" s="80"/>
    </row>
    <row r="2" spans="1:6" ht="21" customHeight="1">
      <c r="A2" s="78"/>
      <c r="B2" s="81"/>
      <c r="C2" s="82"/>
      <c r="D2" s="82"/>
      <c r="E2" s="82"/>
      <c r="F2" s="83"/>
    </row>
    <row r="3" spans="1:6" ht="21" customHeight="1">
      <c r="A3" s="78"/>
      <c r="B3" s="84" t="s">
        <v>0</v>
      </c>
      <c r="C3" s="85" t="s">
        <v>1</v>
      </c>
      <c r="D3" s="85" t="s">
        <v>2</v>
      </c>
      <c r="E3" s="85" t="s">
        <v>3</v>
      </c>
      <c r="F3" s="86" t="s">
        <v>5</v>
      </c>
    </row>
    <row r="4" spans="1:6" ht="12.95" customHeight="1">
      <c r="A4" s="78" t="s">
        <v>7</v>
      </c>
      <c r="B4" s="87" t="s">
        <v>9</v>
      </c>
      <c r="C4" s="53" t="s">
        <v>7</v>
      </c>
      <c r="D4" s="4" t="s">
        <v>7</v>
      </c>
      <c r="E4" s="73" t="s">
        <v>7</v>
      </c>
      <c r="F4" s="90"/>
    </row>
    <row r="5" spans="1:6" ht="12.95" customHeight="1">
      <c r="A5" s="78" t="s">
        <v>7</v>
      </c>
      <c r="B5" s="87" t="s">
        <v>7</v>
      </c>
      <c r="C5" s="53" t="s">
        <v>10</v>
      </c>
      <c r="D5" s="4" t="s">
        <v>7</v>
      </c>
      <c r="E5" s="73"/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7" t="s">
        <v>11</v>
      </c>
      <c r="E6" s="74"/>
      <c r="F6" s="91"/>
    </row>
    <row r="7" spans="1:6" ht="12.95" customHeight="1">
      <c r="A7" s="78" t="s">
        <v>7</v>
      </c>
      <c r="B7" s="87" t="s">
        <v>21</v>
      </c>
      <c r="C7" s="53" t="s">
        <v>7</v>
      </c>
      <c r="D7" s="4" t="s">
        <v>7</v>
      </c>
      <c r="E7" s="73"/>
      <c r="F7" s="90"/>
    </row>
    <row r="8" spans="1:6" ht="12.95" customHeight="1">
      <c r="A8" s="78" t="s">
        <v>7</v>
      </c>
      <c r="B8" s="87" t="s">
        <v>7</v>
      </c>
      <c r="C8" s="53" t="s">
        <v>10</v>
      </c>
      <c r="D8" s="4" t="s">
        <v>7</v>
      </c>
      <c r="E8" s="7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7" t="s">
        <v>11</v>
      </c>
      <c r="E9" s="74"/>
      <c r="F9" s="91" t="s">
        <v>7</v>
      </c>
    </row>
    <row r="10" spans="1:6" ht="12.95" customHeight="1">
      <c r="A10" s="78" t="s">
        <v>7</v>
      </c>
      <c r="B10" s="89" t="s">
        <v>14</v>
      </c>
      <c r="C10" s="53" t="s">
        <v>7</v>
      </c>
      <c r="D10" s="9" t="s">
        <v>7</v>
      </c>
      <c r="E10" s="73"/>
      <c r="F10" s="90" t="s">
        <v>7</v>
      </c>
    </row>
    <row r="11" spans="1:6" ht="12.95" customHeight="1">
      <c r="A11" s="78" t="s">
        <v>7</v>
      </c>
      <c r="B11" s="87" t="s">
        <v>7</v>
      </c>
      <c r="C11" s="53" t="s">
        <v>7</v>
      </c>
      <c r="D11" s="9" t="s">
        <v>7</v>
      </c>
      <c r="E11" s="73"/>
      <c r="F11" s="90" t="s">
        <v>7</v>
      </c>
    </row>
    <row r="12" spans="1:6" ht="12.95" customHeight="1">
      <c r="A12" s="78" t="s">
        <v>7</v>
      </c>
      <c r="B12" s="88" t="s">
        <v>7</v>
      </c>
      <c r="C12" s="54" t="s">
        <v>7</v>
      </c>
      <c r="D12" s="7" t="s">
        <v>7</v>
      </c>
      <c r="E12" s="74"/>
      <c r="F12" s="91" t="s">
        <v>7</v>
      </c>
    </row>
    <row r="13" spans="1:6" ht="12.95" customHeight="1">
      <c r="A13" s="78"/>
      <c r="B13" s="10"/>
      <c r="C13" s="55"/>
      <c r="D13" s="11"/>
      <c r="E13" s="75"/>
      <c r="F13" s="12"/>
    </row>
    <row r="14" spans="1:6" ht="12.95" customHeight="1">
      <c r="A14" s="78"/>
      <c r="B14" s="3"/>
      <c r="C14" s="53"/>
      <c r="D14" s="9"/>
      <c r="E14" s="73"/>
      <c r="F14" s="5"/>
    </row>
    <row r="15" spans="1:6" ht="12.95" customHeight="1">
      <c r="A15" s="78"/>
      <c r="B15" s="6"/>
      <c r="C15" s="54"/>
      <c r="D15" s="7"/>
      <c r="E15" s="74"/>
      <c r="F15" s="8"/>
    </row>
    <row r="16" spans="1:6" ht="12.95" customHeight="1">
      <c r="A16" s="78"/>
      <c r="B16" s="10"/>
      <c r="C16" s="55"/>
      <c r="D16" s="11"/>
      <c r="E16" s="75"/>
      <c r="F16" s="12"/>
    </row>
    <row r="17" spans="1:6" ht="12.95" customHeight="1">
      <c r="A17" s="78"/>
      <c r="B17" s="3"/>
      <c r="C17" s="53"/>
      <c r="D17" s="9"/>
      <c r="E17" s="73"/>
      <c r="F17" s="5"/>
    </row>
    <row r="18" spans="1:6" ht="12.95" customHeight="1">
      <c r="A18" s="78"/>
      <c r="B18" s="6"/>
      <c r="C18" s="54"/>
      <c r="D18" s="7"/>
      <c r="E18" s="74"/>
      <c r="F18" s="8"/>
    </row>
    <row r="19" spans="1:6" ht="12.95" customHeight="1">
      <c r="A19" s="78"/>
      <c r="B19" s="10"/>
      <c r="C19" s="55"/>
      <c r="D19" s="11"/>
      <c r="E19" s="75"/>
      <c r="F19" s="12"/>
    </row>
    <row r="20" spans="1:6" ht="12.95" customHeight="1">
      <c r="A20" s="78"/>
      <c r="B20" s="3"/>
      <c r="C20" s="53"/>
      <c r="D20" s="9"/>
      <c r="E20" s="73"/>
      <c r="F20" s="5"/>
    </row>
    <row r="21" spans="1:6" ht="12.95" customHeight="1">
      <c r="A21" s="78"/>
      <c r="B21" s="6"/>
      <c r="C21" s="54"/>
      <c r="D21" s="7"/>
      <c r="E21" s="74"/>
      <c r="F21" s="8"/>
    </row>
    <row r="22" spans="1:6" ht="12.95" customHeight="1">
      <c r="A22" s="78"/>
      <c r="B22" s="10"/>
      <c r="C22" s="55"/>
      <c r="D22" s="11"/>
      <c r="E22" s="75"/>
      <c r="F22" s="12"/>
    </row>
    <row r="23" spans="1:6" ht="12.95" customHeight="1">
      <c r="A23" s="78"/>
      <c r="B23" s="3"/>
      <c r="C23" s="53"/>
      <c r="D23" s="9"/>
      <c r="E23" s="73"/>
      <c r="F23" s="5"/>
    </row>
    <row r="24" spans="1:6" ht="12.95" customHeight="1">
      <c r="A24" s="78"/>
      <c r="B24" s="6"/>
      <c r="C24" s="54"/>
      <c r="D24" s="7"/>
      <c r="E24" s="74"/>
      <c r="F24" s="8"/>
    </row>
    <row r="25" spans="1:6" ht="12.95" customHeight="1">
      <c r="A25" s="78"/>
      <c r="B25" s="10"/>
      <c r="C25" s="55"/>
      <c r="D25" s="11"/>
      <c r="E25" s="75"/>
      <c r="F25" s="12"/>
    </row>
    <row r="26" spans="1:6" ht="12.95" customHeight="1">
      <c r="A26" s="78"/>
      <c r="B26" s="3"/>
      <c r="C26" s="53"/>
      <c r="D26" s="9"/>
      <c r="E26" s="73"/>
      <c r="F26" s="5"/>
    </row>
    <row r="27" spans="1:6" ht="12.95" customHeight="1">
      <c r="A27" s="78"/>
      <c r="B27" s="6"/>
      <c r="C27" s="54"/>
      <c r="D27" s="7"/>
      <c r="E27" s="74"/>
      <c r="F27" s="8"/>
    </row>
    <row r="28" spans="1:6" ht="12.95" customHeight="1">
      <c r="A28" s="78"/>
      <c r="B28" s="10"/>
      <c r="C28" s="55"/>
      <c r="D28" s="11"/>
      <c r="E28" s="75"/>
      <c r="F28" s="12"/>
    </row>
    <row r="29" spans="1:6" ht="12.95" customHeight="1">
      <c r="A29" s="78"/>
      <c r="B29" s="3"/>
      <c r="C29" s="53"/>
      <c r="D29" s="9"/>
      <c r="E29" s="73"/>
      <c r="F29" s="5"/>
    </row>
    <row r="30" spans="1:6" ht="12.95" customHeight="1">
      <c r="A30" s="78"/>
      <c r="B30" s="6"/>
      <c r="C30" s="54"/>
      <c r="D30" s="7"/>
      <c r="E30" s="74"/>
      <c r="F30" s="8"/>
    </row>
    <row r="31" spans="1:6" ht="12.95" customHeight="1">
      <c r="A31" s="78"/>
      <c r="B31" s="10"/>
      <c r="C31" s="55"/>
      <c r="D31" s="11"/>
      <c r="E31" s="75"/>
      <c r="F31" s="12"/>
    </row>
    <row r="32" spans="1:6" ht="12.95" customHeight="1">
      <c r="A32" s="78"/>
      <c r="B32" s="3"/>
      <c r="C32" s="53"/>
      <c r="D32" s="9"/>
      <c r="E32" s="73"/>
      <c r="F32" s="5"/>
    </row>
    <row r="33" spans="1:6" ht="12.95" customHeight="1">
      <c r="A33" s="78"/>
      <c r="B33" s="6"/>
      <c r="C33" s="54"/>
      <c r="D33" s="7"/>
      <c r="E33" s="74"/>
      <c r="F33" s="8"/>
    </row>
    <row r="34" spans="1:6" ht="12.95" customHeight="1">
      <c r="A34" s="78"/>
      <c r="B34" s="10"/>
      <c r="C34" s="55"/>
      <c r="D34" s="11"/>
      <c r="E34" s="75"/>
      <c r="F34" s="12"/>
    </row>
    <row r="35" spans="1:6" ht="12.95" customHeight="1">
      <c r="A35" s="78"/>
      <c r="B35" s="3"/>
      <c r="C35" s="53"/>
      <c r="D35" s="9"/>
      <c r="E35" s="73"/>
      <c r="F35" s="5"/>
    </row>
    <row r="36" spans="1:6" ht="12.95" customHeight="1">
      <c r="A36" s="78"/>
      <c r="B36" s="6"/>
      <c r="C36" s="54"/>
      <c r="D36" s="7"/>
      <c r="E36" s="74"/>
      <c r="F36" s="8"/>
    </row>
    <row r="37" spans="1:6" ht="12.95" customHeight="1">
      <c r="A37" s="78"/>
      <c r="B37" s="10"/>
      <c r="C37" s="55"/>
      <c r="D37" s="11"/>
      <c r="E37" s="75"/>
      <c r="F37" s="12"/>
    </row>
    <row r="38" spans="1:6" ht="12.95" customHeight="1">
      <c r="A38" s="78"/>
      <c r="B38" s="3"/>
      <c r="C38" s="53"/>
      <c r="D38" s="9"/>
      <c r="E38" s="73"/>
      <c r="F38" s="5"/>
    </row>
    <row r="39" spans="1:6" ht="12.95" customHeight="1">
      <c r="A39" s="78"/>
      <c r="B39" s="6"/>
      <c r="C39" s="54"/>
      <c r="D39" s="7"/>
      <c r="E39" s="74"/>
      <c r="F39" s="8"/>
    </row>
    <row r="40" spans="1:6" ht="12.95" customHeight="1">
      <c r="A40" s="78"/>
      <c r="B40" s="10"/>
      <c r="C40" s="55"/>
      <c r="D40" s="13"/>
      <c r="E40" s="75"/>
      <c r="F40" s="12"/>
    </row>
    <row r="41" spans="1:6" ht="12.95" customHeight="1">
      <c r="A41" s="78"/>
      <c r="B41" s="3"/>
      <c r="C41" s="53"/>
      <c r="D41" s="9"/>
      <c r="E41" s="73"/>
      <c r="F41" s="5"/>
    </row>
    <row r="42" spans="1:6" ht="12.95" customHeight="1">
      <c r="A42" s="78"/>
      <c r="B42" s="6"/>
      <c r="C42" s="54"/>
      <c r="D42" s="7"/>
      <c r="E42" s="74"/>
      <c r="F42" s="8"/>
    </row>
    <row r="43" spans="1:6" ht="12.95" customHeight="1">
      <c r="A43" s="78"/>
      <c r="B43" s="10"/>
      <c r="C43" s="55"/>
      <c r="D43" s="11"/>
      <c r="E43" s="75"/>
      <c r="F43" s="12"/>
    </row>
    <row r="44" spans="1:6" ht="12.95" customHeight="1">
      <c r="A44" s="78"/>
      <c r="B44" s="3"/>
      <c r="C44" s="53"/>
      <c r="D44" s="9"/>
      <c r="E44" s="73"/>
      <c r="F44" s="5"/>
    </row>
    <row r="45" spans="1:6" ht="12.95" customHeight="1">
      <c r="A45" s="78"/>
      <c r="B45" s="6"/>
      <c r="C45" s="54"/>
      <c r="D45" s="7"/>
      <c r="E45" s="74"/>
      <c r="F45" s="8"/>
    </row>
    <row r="46" spans="1:6" ht="12.95" customHeight="1">
      <c r="A46" s="78"/>
      <c r="B46" s="10"/>
      <c r="C46" s="55"/>
      <c r="D46" s="11"/>
      <c r="E46" s="75"/>
      <c r="F46" s="12"/>
    </row>
    <row r="47" spans="1:6" ht="12.95" customHeight="1">
      <c r="A47" s="78"/>
      <c r="B47" s="3"/>
      <c r="C47" s="53"/>
      <c r="D47" s="9"/>
      <c r="E47" s="73"/>
      <c r="F47" s="5"/>
    </row>
    <row r="48" spans="1:6" ht="12.95" customHeight="1">
      <c r="A48" s="78"/>
      <c r="B48" s="6"/>
      <c r="C48" s="54"/>
      <c r="D48" s="7"/>
      <c r="E48" s="74"/>
      <c r="F48" s="8"/>
    </row>
    <row r="49" spans="1:6" ht="12.95" customHeight="1">
      <c r="A49" s="78"/>
      <c r="B49" s="10"/>
      <c r="C49" s="55"/>
      <c r="D49" s="11"/>
      <c r="E49" s="75"/>
      <c r="F49" s="12"/>
    </row>
    <row r="50" spans="1:6" ht="12.95" customHeight="1">
      <c r="A50" s="78"/>
      <c r="B50" s="3"/>
      <c r="C50" s="53"/>
      <c r="D50" s="4"/>
      <c r="E50" s="73"/>
      <c r="F50" s="5"/>
    </row>
    <row r="51" spans="1:6" ht="12.95" customHeight="1">
      <c r="A51" s="78"/>
      <c r="B51" s="6"/>
      <c r="C51" s="54"/>
      <c r="D51" s="7"/>
      <c r="E51" s="74"/>
      <c r="F51" s="8"/>
    </row>
    <row r="52" spans="1:6" ht="12.95" customHeight="1">
      <c r="A52" s="78"/>
      <c r="B52" s="10"/>
      <c r="C52" s="55"/>
      <c r="D52" s="11"/>
      <c r="E52" s="75"/>
      <c r="F52" s="12"/>
    </row>
    <row r="53" spans="1:6" ht="12.95" customHeight="1">
      <c r="A53" s="78"/>
      <c r="B53" s="3"/>
      <c r="C53" s="53"/>
      <c r="D53" s="9"/>
      <c r="E53" s="73"/>
      <c r="F53" s="5"/>
    </row>
    <row r="54" spans="1:6" ht="12.95" customHeight="1">
      <c r="A54" s="78"/>
      <c r="B54" s="6"/>
      <c r="C54" s="54"/>
      <c r="D54" s="7"/>
      <c r="E54" s="74"/>
      <c r="F54" s="8"/>
    </row>
    <row r="55" spans="1:6" ht="12.95" customHeight="1">
      <c r="A55" s="78"/>
      <c r="B55" s="10"/>
      <c r="C55" s="55"/>
      <c r="D55" s="11"/>
      <c r="E55" s="75"/>
      <c r="F55" s="12"/>
    </row>
    <row r="56" spans="1:6" ht="12.95" customHeight="1">
      <c r="A56" s="78"/>
      <c r="B56" s="3"/>
      <c r="C56" s="53"/>
      <c r="D56" s="9"/>
      <c r="E56" s="73"/>
      <c r="F56" s="5"/>
    </row>
    <row r="57" spans="1:6" ht="12.95" customHeight="1">
      <c r="A57" s="78"/>
      <c r="B57" s="6"/>
      <c r="C57" s="54"/>
      <c r="D57" s="7"/>
      <c r="E57" s="74"/>
      <c r="F57" s="8"/>
    </row>
    <row r="58" spans="1:6" ht="12.95" customHeight="1">
      <c r="A58" s="78"/>
      <c r="B58" s="10"/>
      <c r="C58" s="55"/>
      <c r="D58" s="11"/>
      <c r="E58" s="75"/>
      <c r="F58" s="12"/>
    </row>
    <row r="59" spans="1:6" ht="12.95" customHeight="1">
      <c r="A59" s="78"/>
      <c r="B59" s="3"/>
      <c r="C59" s="53"/>
      <c r="D59" s="9"/>
      <c r="E59" s="73"/>
      <c r="F59" s="5"/>
    </row>
    <row r="60" spans="1:6" ht="12.95" customHeight="1">
      <c r="A60" s="78"/>
      <c r="B60" s="6"/>
      <c r="C60" s="54"/>
      <c r="D60" s="14"/>
      <c r="E60" s="74"/>
      <c r="F60" s="8"/>
    </row>
    <row r="61" spans="1:6" ht="12.95" customHeight="1">
      <c r="A61" s="78"/>
      <c r="B61" s="10"/>
      <c r="C61" s="55"/>
      <c r="D61" s="11"/>
      <c r="E61" s="75"/>
      <c r="F61" s="12"/>
    </row>
    <row r="62" spans="1:6" ht="12.95" customHeight="1">
      <c r="A62" s="78"/>
      <c r="B62" s="3"/>
      <c r="C62" s="56"/>
      <c r="D62" s="15"/>
      <c r="E62" s="76"/>
      <c r="F62" s="5"/>
    </row>
    <row r="63" spans="1:6" ht="12.95" customHeight="1">
      <c r="A63" s="78"/>
      <c r="B63" s="16"/>
      <c r="C63" s="57"/>
      <c r="D63" s="17"/>
      <c r="E63" s="77"/>
      <c r="F63" s="18"/>
    </row>
    <row r="64" spans="1:6" ht="0.95" customHeight="1">
      <c r="B64" s="19"/>
      <c r="C64" s="19"/>
      <c r="D64" s="19"/>
      <c r="E64" s="19"/>
      <c r="F64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128"/>
  <sheetViews>
    <sheetView view="pageBreakPreview" topLeftCell="A67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22</v>
      </c>
      <c r="C1" s="79"/>
      <c r="D1" s="79"/>
      <c r="E1" s="79"/>
      <c r="F1" s="80"/>
    </row>
    <row r="2" spans="1:6" ht="21" customHeight="1">
      <c r="A2" s="78"/>
      <c r="B2" s="127"/>
      <c r="C2" s="128"/>
      <c r="D2" s="128"/>
      <c r="E2" s="128"/>
      <c r="F2" s="129"/>
    </row>
    <row r="3" spans="1:6" ht="21" customHeight="1">
      <c r="A3" s="78"/>
      <c r="B3" s="84" t="s">
        <v>23</v>
      </c>
      <c r="C3" s="85" t="s">
        <v>24</v>
      </c>
      <c r="D3" s="85" t="s">
        <v>25</v>
      </c>
      <c r="E3" s="85" t="s">
        <v>26</v>
      </c>
      <c r="F3" s="86" t="s">
        <v>27</v>
      </c>
    </row>
    <row r="4" spans="1:6" ht="12.95" customHeight="1">
      <c r="A4" s="78" t="s">
        <v>7</v>
      </c>
      <c r="B4" s="87" t="s">
        <v>29</v>
      </c>
      <c r="C4" s="53" t="s">
        <v>7</v>
      </c>
      <c r="D4" s="92" t="s">
        <v>7</v>
      </c>
      <c r="E4" s="53" t="s">
        <v>7</v>
      </c>
      <c r="F4" s="90"/>
    </row>
    <row r="5" spans="1:6" ht="12.95" customHeight="1">
      <c r="A5" s="78" t="s">
        <v>7</v>
      </c>
      <c r="B5" s="87" t="s">
        <v>7</v>
      </c>
      <c r="C5" s="53" t="s">
        <v>30</v>
      </c>
      <c r="D5" s="93" t="s">
        <v>7</v>
      </c>
      <c r="E5" s="53"/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94" t="s">
        <v>31</v>
      </c>
      <c r="E6" s="54"/>
      <c r="F6" s="91"/>
    </row>
    <row r="7" spans="1:6" ht="12.95" customHeight="1">
      <c r="A7" s="78" t="s">
        <v>7</v>
      </c>
      <c r="B7" s="87" t="s">
        <v>33</v>
      </c>
      <c r="C7" s="53" t="s">
        <v>7</v>
      </c>
      <c r="D7" s="92" t="s">
        <v>7</v>
      </c>
      <c r="E7" s="53"/>
      <c r="F7" s="90"/>
    </row>
    <row r="8" spans="1:6" ht="12.95" customHeight="1">
      <c r="A8" s="78" t="s">
        <v>7</v>
      </c>
      <c r="B8" s="87" t="s">
        <v>7</v>
      </c>
      <c r="C8" s="53" t="s">
        <v>30</v>
      </c>
      <c r="D8" s="93" t="s">
        <v>7</v>
      </c>
      <c r="E8" s="5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94" t="s">
        <v>31</v>
      </c>
      <c r="E9" s="54"/>
      <c r="F9" s="91"/>
    </row>
    <row r="10" spans="1:6" ht="12.95" customHeight="1">
      <c r="A10" s="78" t="s">
        <v>7</v>
      </c>
      <c r="B10" s="89" t="s">
        <v>34</v>
      </c>
      <c r="C10" s="53" t="s">
        <v>7</v>
      </c>
      <c r="D10" s="93" t="s">
        <v>7</v>
      </c>
      <c r="E10" s="53"/>
      <c r="F10" s="95" t="s">
        <v>7</v>
      </c>
    </row>
    <row r="11" spans="1:6" ht="12.95" customHeight="1">
      <c r="A11" s="78" t="s">
        <v>7</v>
      </c>
      <c r="B11" s="87" t="s">
        <v>7</v>
      </c>
      <c r="C11" s="53" t="s">
        <v>7</v>
      </c>
      <c r="D11" s="93" t="s">
        <v>7</v>
      </c>
      <c r="E11" s="53"/>
      <c r="F11" s="95" t="s">
        <v>7</v>
      </c>
    </row>
    <row r="12" spans="1:6" ht="12.95" customHeight="1">
      <c r="A12" s="78" t="s">
        <v>7</v>
      </c>
      <c r="B12" s="88" t="s">
        <v>7</v>
      </c>
      <c r="C12" s="54" t="s">
        <v>7</v>
      </c>
      <c r="D12" s="94" t="s">
        <v>7</v>
      </c>
      <c r="E12" s="54"/>
      <c r="F12" s="96" t="s">
        <v>7</v>
      </c>
    </row>
    <row r="13" spans="1:6" ht="12.95" customHeight="1">
      <c r="A13" s="78"/>
      <c r="B13" s="10"/>
      <c r="C13" s="55"/>
      <c r="D13" s="11"/>
      <c r="E13" s="55"/>
      <c r="F13" s="22"/>
    </row>
    <row r="14" spans="1:6" ht="12.95" customHeight="1">
      <c r="A14" s="78"/>
      <c r="B14" s="3"/>
      <c r="C14" s="53"/>
      <c r="D14" s="9"/>
      <c r="E14" s="53"/>
      <c r="F14" s="20"/>
    </row>
    <row r="15" spans="1:6" ht="12.95" customHeight="1">
      <c r="A15" s="78"/>
      <c r="B15" s="6"/>
      <c r="C15" s="54"/>
      <c r="D15" s="7"/>
      <c r="E15" s="54"/>
      <c r="F15" s="21"/>
    </row>
    <row r="16" spans="1:6" ht="12.95" customHeight="1">
      <c r="A16" s="78"/>
      <c r="B16" s="10"/>
      <c r="C16" s="55"/>
      <c r="D16" s="11"/>
      <c r="E16" s="55"/>
      <c r="F16" s="22"/>
    </row>
    <row r="17" spans="1:6" ht="12.95" customHeight="1">
      <c r="A17" s="78"/>
      <c r="B17" s="3"/>
      <c r="C17" s="53"/>
      <c r="D17" s="9"/>
      <c r="E17" s="53"/>
      <c r="F17" s="20"/>
    </row>
    <row r="18" spans="1:6" ht="12.95" customHeight="1">
      <c r="A18" s="78"/>
      <c r="B18" s="6"/>
      <c r="C18" s="54"/>
      <c r="D18" s="7"/>
      <c r="E18" s="54"/>
      <c r="F18" s="21"/>
    </row>
    <row r="19" spans="1:6" ht="12.95" customHeight="1">
      <c r="A19" s="78"/>
      <c r="B19" s="10"/>
      <c r="C19" s="55"/>
      <c r="D19" s="11"/>
      <c r="E19" s="55"/>
      <c r="F19" s="22"/>
    </row>
    <row r="20" spans="1:6" ht="12.95" customHeight="1">
      <c r="A20" s="78"/>
      <c r="B20" s="3"/>
      <c r="C20" s="53"/>
      <c r="D20" s="9"/>
      <c r="E20" s="53"/>
      <c r="F20" s="20"/>
    </row>
    <row r="21" spans="1:6" ht="12.95" customHeight="1">
      <c r="A21" s="78"/>
      <c r="B21" s="6"/>
      <c r="C21" s="54"/>
      <c r="D21" s="7"/>
      <c r="E21" s="54"/>
      <c r="F21" s="21"/>
    </row>
    <row r="22" spans="1:6" ht="12.95" customHeight="1">
      <c r="A22" s="78"/>
      <c r="B22" s="10"/>
      <c r="C22" s="55"/>
      <c r="D22" s="11"/>
      <c r="E22" s="55"/>
      <c r="F22" s="22"/>
    </row>
    <row r="23" spans="1:6" ht="12.95" customHeight="1">
      <c r="A23" s="78"/>
      <c r="B23" s="3"/>
      <c r="C23" s="53"/>
      <c r="D23" s="9"/>
      <c r="E23" s="53"/>
      <c r="F23" s="20"/>
    </row>
    <row r="24" spans="1:6" ht="12.95" customHeight="1">
      <c r="A24" s="78"/>
      <c r="B24" s="6"/>
      <c r="C24" s="54"/>
      <c r="D24" s="7"/>
      <c r="E24" s="54"/>
      <c r="F24" s="21"/>
    </row>
    <row r="25" spans="1:6" ht="12.95" customHeight="1">
      <c r="A25" s="78"/>
      <c r="B25" s="10"/>
      <c r="C25" s="55"/>
      <c r="D25" s="11"/>
      <c r="E25" s="55"/>
      <c r="F25" s="22"/>
    </row>
    <row r="26" spans="1:6" ht="12.95" customHeight="1">
      <c r="A26" s="78"/>
      <c r="B26" s="3"/>
      <c r="C26" s="53"/>
      <c r="D26" s="9"/>
      <c r="E26" s="53"/>
      <c r="F26" s="20"/>
    </row>
    <row r="27" spans="1:6" ht="12.95" customHeight="1">
      <c r="A27" s="78"/>
      <c r="B27" s="6"/>
      <c r="C27" s="54"/>
      <c r="D27" s="7"/>
      <c r="E27" s="54"/>
      <c r="F27" s="21"/>
    </row>
    <row r="28" spans="1:6" ht="12.95" customHeight="1">
      <c r="A28" s="78"/>
      <c r="B28" s="10"/>
      <c r="C28" s="55"/>
      <c r="D28" s="11"/>
      <c r="E28" s="55"/>
      <c r="F28" s="22"/>
    </row>
    <row r="29" spans="1:6" ht="12.95" customHeight="1">
      <c r="A29" s="78"/>
      <c r="B29" s="3"/>
      <c r="C29" s="53"/>
      <c r="D29" s="9"/>
      <c r="E29" s="53"/>
      <c r="F29" s="20"/>
    </row>
    <row r="30" spans="1:6" ht="12.95" customHeight="1">
      <c r="A30" s="78"/>
      <c r="B30" s="6"/>
      <c r="C30" s="54"/>
      <c r="D30" s="7"/>
      <c r="E30" s="54"/>
      <c r="F30" s="21"/>
    </row>
    <row r="31" spans="1:6" ht="12.95" customHeight="1">
      <c r="A31" s="78"/>
      <c r="B31" s="10"/>
      <c r="C31" s="55"/>
      <c r="D31" s="11"/>
      <c r="E31" s="55"/>
      <c r="F31" s="22"/>
    </row>
    <row r="32" spans="1:6" ht="12.95" customHeight="1">
      <c r="A32" s="78"/>
      <c r="B32" s="3"/>
      <c r="C32" s="53"/>
      <c r="D32" s="9"/>
      <c r="E32" s="53"/>
      <c r="F32" s="20"/>
    </row>
    <row r="33" spans="1:6" ht="12.95" customHeight="1">
      <c r="A33" s="78"/>
      <c r="B33" s="6"/>
      <c r="C33" s="54"/>
      <c r="D33" s="7"/>
      <c r="E33" s="54"/>
      <c r="F33" s="21"/>
    </row>
    <row r="34" spans="1:6" ht="12.95" customHeight="1">
      <c r="A34" s="78"/>
      <c r="B34" s="10"/>
      <c r="C34" s="55"/>
      <c r="D34" s="11"/>
      <c r="E34" s="55"/>
      <c r="F34" s="22"/>
    </row>
    <row r="35" spans="1:6" ht="12.95" customHeight="1">
      <c r="A35" s="78"/>
      <c r="B35" s="3"/>
      <c r="C35" s="53"/>
      <c r="D35" s="9"/>
      <c r="E35" s="53"/>
      <c r="F35" s="20"/>
    </row>
    <row r="36" spans="1:6" ht="12.95" customHeight="1">
      <c r="A36" s="78"/>
      <c r="B36" s="6"/>
      <c r="C36" s="54"/>
      <c r="D36" s="7"/>
      <c r="E36" s="54"/>
      <c r="F36" s="21"/>
    </row>
    <row r="37" spans="1:6" ht="12.95" customHeight="1">
      <c r="A37" s="78"/>
      <c r="B37" s="10"/>
      <c r="C37" s="55"/>
      <c r="D37" s="11"/>
      <c r="E37" s="55"/>
      <c r="F37" s="22"/>
    </row>
    <row r="38" spans="1:6" ht="12.95" customHeight="1">
      <c r="A38" s="78"/>
      <c r="B38" s="3"/>
      <c r="C38" s="53"/>
      <c r="D38" s="9"/>
      <c r="E38" s="53"/>
      <c r="F38" s="20"/>
    </row>
    <row r="39" spans="1:6" ht="12.95" customHeight="1">
      <c r="A39" s="78"/>
      <c r="B39" s="6"/>
      <c r="C39" s="54"/>
      <c r="D39" s="7"/>
      <c r="E39" s="54"/>
      <c r="F39" s="21"/>
    </row>
    <row r="40" spans="1:6" ht="12.95" customHeight="1">
      <c r="A40" s="78"/>
      <c r="B40" s="10"/>
      <c r="C40" s="55"/>
      <c r="D40" s="13"/>
      <c r="E40" s="55"/>
      <c r="F40" s="22"/>
    </row>
    <row r="41" spans="1:6" ht="12.95" customHeight="1">
      <c r="A41" s="78"/>
      <c r="B41" s="3"/>
      <c r="C41" s="53"/>
      <c r="D41" s="9"/>
      <c r="E41" s="53"/>
      <c r="F41" s="20"/>
    </row>
    <row r="42" spans="1:6" ht="12.95" customHeight="1">
      <c r="A42" s="78"/>
      <c r="B42" s="6"/>
      <c r="C42" s="54"/>
      <c r="D42" s="7"/>
      <c r="E42" s="54"/>
      <c r="F42" s="21"/>
    </row>
    <row r="43" spans="1:6" ht="12.95" customHeight="1">
      <c r="A43" s="78"/>
      <c r="B43" s="10"/>
      <c r="C43" s="55"/>
      <c r="D43" s="11"/>
      <c r="E43" s="55"/>
      <c r="F43" s="22"/>
    </row>
    <row r="44" spans="1:6" ht="12.95" customHeight="1">
      <c r="A44" s="78"/>
      <c r="B44" s="3"/>
      <c r="C44" s="53"/>
      <c r="D44" s="9"/>
      <c r="E44" s="53"/>
      <c r="F44" s="20"/>
    </row>
    <row r="45" spans="1:6" ht="12.95" customHeight="1">
      <c r="A45" s="78"/>
      <c r="B45" s="6"/>
      <c r="C45" s="54"/>
      <c r="D45" s="7"/>
      <c r="E45" s="54"/>
      <c r="F45" s="21"/>
    </row>
    <row r="46" spans="1:6" ht="12.95" customHeight="1">
      <c r="A46" s="78"/>
      <c r="B46" s="10"/>
      <c r="C46" s="55"/>
      <c r="D46" s="11"/>
      <c r="E46" s="55"/>
      <c r="F46" s="22"/>
    </row>
    <row r="47" spans="1:6" ht="12.95" customHeight="1">
      <c r="A47" s="78"/>
      <c r="B47" s="3"/>
      <c r="C47" s="53"/>
      <c r="D47" s="9"/>
      <c r="E47" s="53"/>
      <c r="F47" s="20"/>
    </row>
    <row r="48" spans="1:6" ht="12.95" customHeight="1">
      <c r="A48" s="78"/>
      <c r="B48" s="6"/>
      <c r="C48" s="54"/>
      <c r="D48" s="7"/>
      <c r="E48" s="54"/>
      <c r="F48" s="21"/>
    </row>
    <row r="49" spans="1:6" ht="12.95" customHeight="1">
      <c r="A49" s="78"/>
      <c r="B49" s="10"/>
      <c r="C49" s="55"/>
      <c r="D49" s="11"/>
      <c r="E49" s="55"/>
      <c r="F49" s="22"/>
    </row>
    <row r="50" spans="1:6" ht="12.95" customHeight="1">
      <c r="A50" s="78"/>
      <c r="B50" s="3"/>
      <c r="C50" s="53"/>
      <c r="D50" s="4"/>
      <c r="E50" s="53"/>
      <c r="F50" s="20"/>
    </row>
    <row r="51" spans="1:6" ht="12.95" customHeight="1">
      <c r="A51" s="78"/>
      <c r="B51" s="6"/>
      <c r="C51" s="54"/>
      <c r="D51" s="7"/>
      <c r="E51" s="54"/>
      <c r="F51" s="21"/>
    </row>
    <row r="52" spans="1:6" ht="12.95" customHeight="1">
      <c r="A52" s="78"/>
      <c r="B52" s="10"/>
      <c r="C52" s="55"/>
      <c r="D52" s="11"/>
      <c r="E52" s="55"/>
      <c r="F52" s="22"/>
    </row>
    <row r="53" spans="1:6" ht="12.95" customHeight="1">
      <c r="A53" s="78"/>
      <c r="B53" s="3"/>
      <c r="C53" s="53"/>
      <c r="D53" s="9"/>
      <c r="E53" s="53"/>
      <c r="F53" s="20"/>
    </row>
    <row r="54" spans="1:6" ht="12.95" customHeight="1">
      <c r="A54" s="78"/>
      <c r="B54" s="6"/>
      <c r="C54" s="54"/>
      <c r="D54" s="7"/>
      <c r="E54" s="54"/>
      <c r="F54" s="21"/>
    </row>
    <row r="55" spans="1:6" ht="12.95" customHeight="1">
      <c r="A55" s="78"/>
      <c r="B55" s="10"/>
      <c r="C55" s="55"/>
      <c r="D55" s="11"/>
      <c r="E55" s="55"/>
      <c r="F55" s="22"/>
    </row>
    <row r="56" spans="1:6" ht="12.95" customHeight="1">
      <c r="A56" s="78"/>
      <c r="B56" s="3"/>
      <c r="C56" s="53"/>
      <c r="D56" s="9"/>
      <c r="E56" s="53"/>
      <c r="F56" s="20"/>
    </row>
    <row r="57" spans="1:6" ht="12.95" customHeight="1">
      <c r="A57" s="78"/>
      <c r="B57" s="6"/>
      <c r="C57" s="54"/>
      <c r="D57" s="7"/>
      <c r="E57" s="54"/>
      <c r="F57" s="21"/>
    </row>
    <row r="58" spans="1:6" ht="12.95" customHeight="1">
      <c r="A58" s="78"/>
      <c r="B58" s="10"/>
      <c r="C58" s="55"/>
      <c r="D58" s="11"/>
      <c r="E58" s="55"/>
      <c r="F58" s="22"/>
    </row>
    <row r="59" spans="1:6" ht="12.95" customHeight="1">
      <c r="A59" s="78"/>
      <c r="B59" s="3"/>
      <c r="C59" s="53"/>
      <c r="D59" s="9"/>
      <c r="E59" s="53"/>
      <c r="F59" s="20"/>
    </row>
    <row r="60" spans="1:6" ht="12.95" customHeight="1">
      <c r="A60" s="78"/>
      <c r="B60" s="6"/>
      <c r="C60" s="54"/>
      <c r="D60" s="14"/>
      <c r="E60" s="54"/>
      <c r="F60" s="21"/>
    </row>
    <row r="61" spans="1:6" ht="12.95" customHeight="1">
      <c r="A61" s="78"/>
      <c r="B61" s="10"/>
      <c r="C61" s="55"/>
      <c r="D61" s="11"/>
      <c r="E61" s="55"/>
      <c r="F61" s="22"/>
    </row>
    <row r="62" spans="1:6" ht="12.95" customHeight="1">
      <c r="A62" s="78"/>
      <c r="B62" s="3"/>
      <c r="C62" s="56"/>
      <c r="D62" s="15"/>
      <c r="E62" s="56"/>
      <c r="F62" s="20"/>
    </row>
    <row r="63" spans="1:6" ht="12.95" customHeight="1">
      <c r="A63" s="78"/>
      <c r="B63" s="16"/>
      <c r="C63" s="57"/>
      <c r="D63" s="17"/>
      <c r="E63" s="57"/>
      <c r="F63" s="23"/>
    </row>
    <row r="64" spans="1:6" ht="0.95" customHeight="1">
      <c r="B64" s="19"/>
      <c r="C64" s="19"/>
      <c r="D64" s="19"/>
      <c r="E64" s="19"/>
      <c r="F64" s="19"/>
    </row>
    <row r="65" spans="1:6" s="1" customFormat="1" ht="18" customHeight="1">
      <c r="B65" s="79" t="s">
        <v>35</v>
      </c>
      <c r="C65" s="79"/>
      <c r="D65" s="79"/>
      <c r="E65" s="79"/>
      <c r="F65" s="80"/>
    </row>
    <row r="66" spans="1:6" ht="21" customHeight="1">
      <c r="A66" s="78"/>
      <c r="B66" s="127"/>
      <c r="C66" s="128"/>
      <c r="D66" s="128"/>
      <c r="E66" s="128"/>
      <c r="F66" s="129"/>
    </row>
    <row r="67" spans="1:6" ht="21" customHeight="1">
      <c r="A67" s="78"/>
      <c r="B67" s="84" t="s">
        <v>36</v>
      </c>
      <c r="C67" s="85" t="s">
        <v>37</v>
      </c>
      <c r="D67" s="85" t="s">
        <v>38</v>
      </c>
      <c r="E67" s="85" t="s">
        <v>39</v>
      </c>
      <c r="F67" s="86" t="s">
        <v>27</v>
      </c>
    </row>
    <row r="68" spans="1:6" ht="12.95" customHeight="1">
      <c r="A68" s="78" t="s">
        <v>7</v>
      </c>
      <c r="B68" s="87" t="s">
        <v>40</v>
      </c>
      <c r="C68" s="53" t="s">
        <v>7</v>
      </c>
      <c r="D68" s="92" t="s">
        <v>7</v>
      </c>
      <c r="E68" s="53" t="s">
        <v>7</v>
      </c>
      <c r="F68" s="90"/>
    </row>
    <row r="69" spans="1:6" ht="12.95" customHeight="1">
      <c r="A69" s="78" t="s">
        <v>7</v>
      </c>
      <c r="B69" s="87" t="s">
        <v>7</v>
      </c>
      <c r="C69" s="53" t="s">
        <v>30</v>
      </c>
      <c r="D69" s="93" t="s">
        <v>7</v>
      </c>
      <c r="E69" s="53"/>
      <c r="F69" s="90" t="s">
        <v>7</v>
      </c>
    </row>
    <row r="70" spans="1:6" ht="12.95" customHeight="1">
      <c r="A70" s="78" t="s">
        <v>7</v>
      </c>
      <c r="B70" s="88" t="s">
        <v>7</v>
      </c>
      <c r="C70" s="54" t="s">
        <v>7</v>
      </c>
      <c r="D70" s="94" t="s">
        <v>31</v>
      </c>
      <c r="E70" s="54"/>
      <c r="F70" s="91" t="s">
        <v>7</v>
      </c>
    </row>
    <row r="71" spans="1:6" ht="12.95" customHeight="1">
      <c r="A71" s="78" t="s">
        <v>7</v>
      </c>
      <c r="B71" s="89" t="s">
        <v>34</v>
      </c>
      <c r="C71" s="53" t="s">
        <v>7</v>
      </c>
      <c r="D71" s="93" t="s">
        <v>7</v>
      </c>
      <c r="E71" s="53"/>
      <c r="F71" s="95" t="s">
        <v>7</v>
      </c>
    </row>
    <row r="72" spans="1:6" ht="12.95" customHeight="1">
      <c r="A72" s="78" t="s">
        <v>7</v>
      </c>
      <c r="B72" s="87" t="s">
        <v>7</v>
      </c>
      <c r="C72" s="53" t="s">
        <v>7</v>
      </c>
      <c r="D72" s="93" t="s">
        <v>7</v>
      </c>
      <c r="E72" s="53"/>
      <c r="F72" s="95" t="s">
        <v>7</v>
      </c>
    </row>
    <row r="73" spans="1:6" ht="12.95" customHeight="1">
      <c r="A73" s="78" t="s">
        <v>7</v>
      </c>
      <c r="B73" s="88" t="s">
        <v>7</v>
      </c>
      <c r="C73" s="54" t="s">
        <v>7</v>
      </c>
      <c r="D73" s="94" t="s">
        <v>7</v>
      </c>
      <c r="E73" s="54" t="s">
        <v>7</v>
      </c>
      <c r="F73" s="96" t="s">
        <v>7</v>
      </c>
    </row>
    <row r="74" spans="1:6" ht="12.95" customHeight="1">
      <c r="A74" s="78"/>
      <c r="B74" s="10"/>
      <c r="C74" s="55"/>
      <c r="D74" s="11"/>
      <c r="E74" s="55"/>
      <c r="F74" s="22"/>
    </row>
    <row r="75" spans="1:6" ht="12.95" customHeight="1">
      <c r="A75" s="78"/>
      <c r="B75" s="3"/>
      <c r="C75" s="53"/>
      <c r="D75" s="9"/>
      <c r="E75" s="53"/>
      <c r="F75" s="20"/>
    </row>
    <row r="76" spans="1:6" ht="12.95" customHeight="1">
      <c r="A76" s="78"/>
      <c r="B76" s="6"/>
      <c r="C76" s="54"/>
      <c r="D76" s="7"/>
      <c r="E76" s="54"/>
      <c r="F76" s="21"/>
    </row>
    <row r="77" spans="1:6" ht="12.95" customHeight="1">
      <c r="A77" s="78"/>
      <c r="B77" s="10"/>
      <c r="C77" s="55"/>
      <c r="D77" s="11"/>
      <c r="E77" s="55"/>
      <c r="F77" s="22"/>
    </row>
    <row r="78" spans="1:6" ht="12.95" customHeight="1">
      <c r="A78" s="78"/>
      <c r="B78" s="3"/>
      <c r="C78" s="53"/>
      <c r="D78" s="9"/>
      <c r="E78" s="53"/>
      <c r="F78" s="20"/>
    </row>
    <row r="79" spans="1:6" ht="12.95" customHeight="1">
      <c r="A79" s="78"/>
      <c r="B79" s="6"/>
      <c r="C79" s="54"/>
      <c r="D79" s="7"/>
      <c r="E79" s="54"/>
      <c r="F79" s="21"/>
    </row>
    <row r="80" spans="1:6" ht="12.95" customHeight="1">
      <c r="A80" s="78"/>
      <c r="B80" s="10"/>
      <c r="C80" s="55"/>
      <c r="D80" s="11"/>
      <c r="E80" s="55"/>
      <c r="F80" s="22"/>
    </row>
    <row r="81" spans="1:6" ht="12.95" customHeight="1">
      <c r="A81" s="78"/>
      <c r="B81" s="3"/>
      <c r="C81" s="53"/>
      <c r="D81" s="9"/>
      <c r="E81" s="53"/>
      <c r="F81" s="20"/>
    </row>
    <row r="82" spans="1:6" ht="12.95" customHeight="1">
      <c r="A82" s="78"/>
      <c r="B82" s="6"/>
      <c r="C82" s="54"/>
      <c r="D82" s="7"/>
      <c r="E82" s="54"/>
      <c r="F82" s="21"/>
    </row>
    <row r="83" spans="1:6" ht="12.95" customHeight="1">
      <c r="A83" s="78"/>
      <c r="B83" s="10"/>
      <c r="C83" s="55"/>
      <c r="D83" s="11"/>
      <c r="E83" s="55"/>
      <c r="F83" s="22"/>
    </row>
    <row r="84" spans="1:6" ht="12.95" customHeight="1">
      <c r="A84" s="78"/>
      <c r="B84" s="3"/>
      <c r="C84" s="53"/>
      <c r="D84" s="9"/>
      <c r="E84" s="53"/>
      <c r="F84" s="20"/>
    </row>
    <row r="85" spans="1:6" ht="12.95" customHeight="1">
      <c r="A85" s="78"/>
      <c r="B85" s="6"/>
      <c r="C85" s="54"/>
      <c r="D85" s="7"/>
      <c r="E85" s="54"/>
      <c r="F85" s="21"/>
    </row>
    <row r="86" spans="1:6" ht="12.95" customHeight="1">
      <c r="A86" s="78"/>
      <c r="B86" s="10"/>
      <c r="C86" s="55"/>
      <c r="D86" s="11"/>
      <c r="E86" s="55"/>
      <c r="F86" s="22"/>
    </row>
    <row r="87" spans="1:6" ht="12.95" customHeight="1">
      <c r="A87" s="78"/>
      <c r="B87" s="3"/>
      <c r="C87" s="53"/>
      <c r="D87" s="9"/>
      <c r="E87" s="53"/>
      <c r="F87" s="20"/>
    </row>
    <row r="88" spans="1:6" ht="12.95" customHeight="1">
      <c r="A88" s="78"/>
      <c r="B88" s="6"/>
      <c r="C88" s="54"/>
      <c r="D88" s="7"/>
      <c r="E88" s="54"/>
      <c r="F88" s="21"/>
    </row>
    <row r="89" spans="1:6" ht="12.95" customHeight="1">
      <c r="A89" s="78"/>
      <c r="B89" s="10"/>
      <c r="C89" s="55"/>
      <c r="D89" s="11"/>
      <c r="E89" s="55"/>
      <c r="F89" s="22"/>
    </row>
    <row r="90" spans="1:6" ht="12.95" customHeight="1">
      <c r="A90" s="78"/>
      <c r="B90" s="3"/>
      <c r="C90" s="53"/>
      <c r="D90" s="9"/>
      <c r="E90" s="53"/>
      <c r="F90" s="20"/>
    </row>
    <row r="91" spans="1:6" ht="12.95" customHeight="1">
      <c r="A91" s="78"/>
      <c r="B91" s="6"/>
      <c r="C91" s="54"/>
      <c r="D91" s="7"/>
      <c r="E91" s="54"/>
      <c r="F91" s="21"/>
    </row>
    <row r="92" spans="1:6" ht="12.95" customHeight="1">
      <c r="A92" s="78"/>
      <c r="B92" s="10"/>
      <c r="C92" s="55"/>
      <c r="D92" s="11"/>
      <c r="E92" s="55"/>
      <c r="F92" s="22"/>
    </row>
    <row r="93" spans="1:6" ht="12.95" customHeight="1">
      <c r="A93" s="78"/>
      <c r="B93" s="3"/>
      <c r="C93" s="53"/>
      <c r="D93" s="9"/>
      <c r="E93" s="53"/>
      <c r="F93" s="20"/>
    </row>
    <row r="94" spans="1:6" ht="12.95" customHeight="1">
      <c r="A94" s="78"/>
      <c r="B94" s="6"/>
      <c r="C94" s="54"/>
      <c r="D94" s="7"/>
      <c r="E94" s="54"/>
      <c r="F94" s="21"/>
    </row>
    <row r="95" spans="1:6" ht="12.95" customHeight="1">
      <c r="A95" s="78"/>
      <c r="B95" s="10"/>
      <c r="C95" s="55"/>
      <c r="D95" s="11"/>
      <c r="E95" s="55"/>
      <c r="F95" s="22"/>
    </row>
    <row r="96" spans="1:6" ht="12.95" customHeight="1">
      <c r="A96" s="78"/>
      <c r="B96" s="3"/>
      <c r="C96" s="53"/>
      <c r="D96" s="9"/>
      <c r="E96" s="53"/>
      <c r="F96" s="20"/>
    </row>
    <row r="97" spans="1:6" ht="12.95" customHeight="1">
      <c r="A97" s="78"/>
      <c r="B97" s="6"/>
      <c r="C97" s="54"/>
      <c r="D97" s="7"/>
      <c r="E97" s="54"/>
      <c r="F97" s="21"/>
    </row>
    <row r="98" spans="1:6" ht="12.95" customHeight="1">
      <c r="A98" s="78"/>
      <c r="B98" s="10"/>
      <c r="C98" s="55"/>
      <c r="D98" s="11"/>
      <c r="E98" s="55"/>
      <c r="F98" s="22"/>
    </row>
    <row r="99" spans="1:6" ht="12.95" customHeight="1">
      <c r="A99" s="78"/>
      <c r="B99" s="3"/>
      <c r="C99" s="53"/>
      <c r="D99" s="9"/>
      <c r="E99" s="53"/>
      <c r="F99" s="20"/>
    </row>
    <row r="100" spans="1:6" ht="12.95" customHeight="1">
      <c r="A100" s="78"/>
      <c r="B100" s="6"/>
      <c r="C100" s="54"/>
      <c r="D100" s="7"/>
      <c r="E100" s="54"/>
      <c r="F100" s="21"/>
    </row>
    <row r="101" spans="1:6" ht="12.95" customHeight="1">
      <c r="A101" s="78"/>
      <c r="B101" s="10"/>
      <c r="C101" s="55"/>
      <c r="D101" s="11"/>
      <c r="E101" s="55"/>
      <c r="F101" s="22"/>
    </row>
    <row r="102" spans="1:6" ht="12.95" customHeight="1">
      <c r="A102" s="78"/>
      <c r="B102" s="3"/>
      <c r="C102" s="53"/>
      <c r="D102" s="9"/>
      <c r="E102" s="53"/>
      <c r="F102" s="20"/>
    </row>
    <row r="103" spans="1:6" ht="12.95" customHeight="1">
      <c r="A103" s="78"/>
      <c r="B103" s="6"/>
      <c r="C103" s="54"/>
      <c r="D103" s="7"/>
      <c r="E103" s="54"/>
      <c r="F103" s="21"/>
    </row>
    <row r="104" spans="1:6" ht="12.95" customHeight="1">
      <c r="A104" s="78"/>
      <c r="B104" s="10"/>
      <c r="C104" s="55"/>
      <c r="D104" s="13"/>
      <c r="E104" s="55"/>
      <c r="F104" s="22"/>
    </row>
    <row r="105" spans="1:6" ht="12.95" customHeight="1">
      <c r="A105" s="78"/>
      <c r="B105" s="3"/>
      <c r="C105" s="53"/>
      <c r="D105" s="9"/>
      <c r="E105" s="53"/>
      <c r="F105" s="20"/>
    </row>
    <row r="106" spans="1:6" ht="12.95" customHeight="1">
      <c r="A106" s="78"/>
      <c r="B106" s="6"/>
      <c r="C106" s="54"/>
      <c r="D106" s="7"/>
      <c r="E106" s="54"/>
      <c r="F106" s="21"/>
    </row>
    <row r="107" spans="1:6" ht="12.95" customHeight="1">
      <c r="A107" s="78"/>
      <c r="B107" s="10"/>
      <c r="C107" s="55"/>
      <c r="D107" s="11"/>
      <c r="E107" s="55"/>
      <c r="F107" s="22"/>
    </row>
    <row r="108" spans="1:6" ht="12.95" customHeight="1">
      <c r="A108" s="78"/>
      <c r="B108" s="3"/>
      <c r="C108" s="53"/>
      <c r="D108" s="9"/>
      <c r="E108" s="53"/>
      <c r="F108" s="20"/>
    </row>
    <row r="109" spans="1:6" ht="12.95" customHeight="1">
      <c r="A109" s="78"/>
      <c r="B109" s="6"/>
      <c r="C109" s="54"/>
      <c r="D109" s="7"/>
      <c r="E109" s="54"/>
      <c r="F109" s="21"/>
    </row>
    <row r="110" spans="1:6" ht="12.95" customHeight="1">
      <c r="A110" s="78"/>
      <c r="B110" s="10"/>
      <c r="C110" s="55"/>
      <c r="D110" s="11"/>
      <c r="E110" s="55"/>
      <c r="F110" s="22"/>
    </row>
    <row r="111" spans="1:6" ht="12.95" customHeight="1">
      <c r="A111" s="78"/>
      <c r="B111" s="3"/>
      <c r="C111" s="53"/>
      <c r="D111" s="9"/>
      <c r="E111" s="53"/>
      <c r="F111" s="20"/>
    </row>
    <row r="112" spans="1:6" ht="12.95" customHeight="1">
      <c r="A112" s="78"/>
      <c r="B112" s="6"/>
      <c r="C112" s="54"/>
      <c r="D112" s="7"/>
      <c r="E112" s="54"/>
      <c r="F112" s="21"/>
    </row>
    <row r="113" spans="1:6" ht="12.95" customHeight="1">
      <c r="A113" s="78"/>
      <c r="B113" s="10"/>
      <c r="C113" s="55"/>
      <c r="D113" s="11"/>
      <c r="E113" s="55"/>
      <c r="F113" s="22"/>
    </row>
    <row r="114" spans="1:6" ht="12.95" customHeight="1">
      <c r="A114" s="78"/>
      <c r="B114" s="3"/>
      <c r="C114" s="53"/>
      <c r="D114" s="4"/>
      <c r="E114" s="53"/>
      <c r="F114" s="20"/>
    </row>
    <row r="115" spans="1:6" ht="12.95" customHeight="1">
      <c r="A115" s="78"/>
      <c r="B115" s="6"/>
      <c r="C115" s="54"/>
      <c r="D115" s="7"/>
      <c r="E115" s="54"/>
      <c r="F115" s="21"/>
    </row>
    <row r="116" spans="1:6" ht="12.95" customHeight="1">
      <c r="A116" s="78"/>
      <c r="B116" s="10"/>
      <c r="C116" s="55"/>
      <c r="D116" s="11"/>
      <c r="E116" s="55"/>
      <c r="F116" s="22"/>
    </row>
    <row r="117" spans="1:6" ht="12.95" customHeight="1">
      <c r="A117" s="78"/>
      <c r="B117" s="3"/>
      <c r="C117" s="53"/>
      <c r="D117" s="9"/>
      <c r="E117" s="53"/>
      <c r="F117" s="20"/>
    </row>
    <row r="118" spans="1:6" ht="12.95" customHeight="1">
      <c r="A118" s="78"/>
      <c r="B118" s="6"/>
      <c r="C118" s="54"/>
      <c r="D118" s="7"/>
      <c r="E118" s="54"/>
      <c r="F118" s="21"/>
    </row>
    <row r="119" spans="1:6" ht="12.95" customHeight="1">
      <c r="A119" s="78"/>
      <c r="B119" s="10"/>
      <c r="C119" s="55"/>
      <c r="D119" s="11"/>
      <c r="E119" s="55"/>
      <c r="F119" s="22"/>
    </row>
    <row r="120" spans="1:6" ht="12.95" customHeight="1">
      <c r="A120" s="78"/>
      <c r="B120" s="3"/>
      <c r="C120" s="53"/>
      <c r="D120" s="9"/>
      <c r="E120" s="53"/>
      <c r="F120" s="20"/>
    </row>
    <row r="121" spans="1:6" ht="12.95" customHeight="1">
      <c r="A121" s="78"/>
      <c r="B121" s="6"/>
      <c r="C121" s="54"/>
      <c r="D121" s="7"/>
      <c r="E121" s="54"/>
      <c r="F121" s="21"/>
    </row>
    <row r="122" spans="1:6" ht="12.95" customHeight="1">
      <c r="A122" s="78"/>
      <c r="B122" s="10"/>
      <c r="C122" s="55"/>
      <c r="D122" s="11"/>
      <c r="E122" s="55"/>
      <c r="F122" s="22"/>
    </row>
    <row r="123" spans="1:6" ht="12.95" customHeight="1">
      <c r="A123" s="78"/>
      <c r="B123" s="3"/>
      <c r="C123" s="53"/>
      <c r="D123" s="9"/>
      <c r="E123" s="53"/>
      <c r="F123" s="20"/>
    </row>
    <row r="124" spans="1:6" ht="12.95" customHeight="1">
      <c r="A124" s="78"/>
      <c r="B124" s="6"/>
      <c r="C124" s="54"/>
      <c r="D124" s="14"/>
      <c r="E124" s="54"/>
      <c r="F124" s="21"/>
    </row>
    <row r="125" spans="1:6" ht="12.95" customHeight="1">
      <c r="A125" s="78"/>
      <c r="B125" s="10"/>
      <c r="C125" s="55"/>
      <c r="D125" s="11"/>
      <c r="E125" s="55"/>
      <c r="F125" s="22"/>
    </row>
    <row r="126" spans="1:6" ht="12.95" customHeight="1">
      <c r="A126" s="78"/>
      <c r="B126" s="3"/>
      <c r="C126" s="56"/>
      <c r="D126" s="15"/>
      <c r="E126" s="56"/>
      <c r="F126" s="20"/>
    </row>
    <row r="127" spans="1:6" ht="12.95" customHeight="1">
      <c r="A127" s="78"/>
      <c r="B127" s="16"/>
      <c r="C127" s="57"/>
      <c r="D127" s="17"/>
      <c r="E127" s="57"/>
      <c r="F127" s="23"/>
    </row>
    <row r="128" spans="1:6" ht="0.95" customHeight="1">
      <c r="B128" s="19"/>
      <c r="C128" s="19"/>
      <c r="D128" s="19"/>
      <c r="E128" s="19"/>
      <c r="F128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2" manualBreakCount="2">
    <brk id="64" max="16383" man="1"/>
    <brk id="128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F192"/>
  <sheetViews>
    <sheetView view="pageBreakPreview" topLeftCell="A181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41</v>
      </c>
      <c r="C1" s="79"/>
      <c r="D1" s="79"/>
      <c r="E1" s="79"/>
      <c r="F1" s="80"/>
    </row>
    <row r="2" spans="1:6" ht="21" customHeight="1">
      <c r="A2" s="78"/>
      <c r="B2" s="206" t="s">
        <v>28</v>
      </c>
      <c r="C2" s="206"/>
      <c r="D2" s="206"/>
      <c r="E2" s="206"/>
      <c r="F2" s="206"/>
    </row>
    <row r="3" spans="1:6" ht="21" customHeight="1">
      <c r="A3" s="78"/>
      <c r="B3" s="84" t="s">
        <v>0</v>
      </c>
      <c r="C3" s="85" t="s">
        <v>1</v>
      </c>
      <c r="D3" s="85" t="s">
        <v>2</v>
      </c>
      <c r="E3" s="85" t="s">
        <v>3</v>
      </c>
      <c r="F3" s="86" t="s">
        <v>5</v>
      </c>
    </row>
    <row r="4" spans="1:6" ht="12.95" customHeight="1">
      <c r="A4" s="78" t="s">
        <v>7</v>
      </c>
      <c r="B4" s="87" t="s">
        <v>42</v>
      </c>
      <c r="C4" s="53" t="s">
        <v>7</v>
      </c>
      <c r="D4" s="92" t="s">
        <v>7</v>
      </c>
      <c r="E4" s="53" t="s">
        <v>7</v>
      </c>
      <c r="F4" s="90"/>
    </row>
    <row r="5" spans="1:6" ht="12.95" customHeight="1">
      <c r="A5" s="78" t="s">
        <v>7</v>
      </c>
      <c r="B5" s="87" t="s">
        <v>7</v>
      </c>
      <c r="C5" s="53" t="s">
        <v>10</v>
      </c>
      <c r="D5" s="93" t="s">
        <v>7</v>
      </c>
      <c r="E5" s="53"/>
      <c r="F5" s="90"/>
    </row>
    <row r="6" spans="1:6" ht="12.95" customHeight="1">
      <c r="A6" s="78" t="s">
        <v>7</v>
      </c>
      <c r="B6" s="88" t="s">
        <v>7</v>
      </c>
      <c r="C6" s="54" t="s">
        <v>7</v>
      </c>
      <c r="D6" s="94" t="s">
        <v>11</v>
      </c>
      <c r="E6" s="54"/>
      <c r="F6" s="91"/>
    </row>
    <row r="7" spans="1:6" ht="12.95" customHeight="1">
      <c r="A7" s="78" t="s">
        <v>7</v>
      </c>
      <c r="B7" s="87" t="s">
        <v>43</v>
      </c>
      <c r="C7" s="53" t="s">
        <v>7</v>
      </c>
      <c r="D7" s="92" t="s">
        <v>7</v>
      </c>
      <c r="E7" s="53"/>
      <c r="F7" s="90"/>
    </row>
    <row r="8" spans="1:6" ht="12.95" customHeight="1">
      <c r="A8" s="78" t="s">
        <v>7</v>
      </c>
      <c r="B8" s="87" t="s">
        <v>7</v>
      </c>
      <c r="C8" s="53" t="s">
        <v>10</v>
      </c>
      <c r="D8" s="93" t="s">
        <v>7</v>
      </c>
      <c r="E8" s="53"/>
      <c r="F8" s="90"/>
    </row>
    <row r="9" spans="1:6" ht="12.95" customHeight="1">
      <c r="A9" s="78" t="s">
        <v>7</v>
      </c>
      <c r="B9" s="88" t="s">
        <v>7</v>
      </c>
      <c r="C9" s="54" t="s">
        <v>7</v>
      </c>
      <c r="D9" s="94" t="s">
        <v>11</v>
      </c>
      <c r="E9" s="54"/>
      <c r="F9" s="91"/>
    </row>
    <row r="10" spans="1:6" ht="12.95" customHeight="1">
      <c r="A10" s="78" t="s">
        <v>7</v>
      </c>
      <c r="B10" s="87" t="s">
        <v>44</v>
      </c>
      <c r="C10" s="53" t="s">
        <v>7</v>
      </c>
      <c r="D10" s="92" t="s">
        <v>7</v>
      </c>
      <c r="E10" s="53"/>
      <c r="F10" s="90"/>
    </row>
    <row r="11" spans="1:6" ht="12.95" customHeight="1">
      <c r="A11" s="78" t="s">
        <v>7</v>
      </c>
      <c r="B11" s="87" t="s">
        <v>7</v>
      </c>
      <c r="C11" s="53" t="s">
        <v>10</v>
      </c>
      <c r="D11" s="93" t="s">
        <v>7</v>
      </c>
      <c r="E11" s="53"/>
      <c r="F11" s="90"/>
    </row>
    <row r="12" spans="1:6" ht="12.95" customHeight="1">
      <c r="A12" s="78" t="s">
        <v>7</v>
      </c>
      <c r="B12" s="88" t="s">
        <v>7</v>
      </c>
      <c r="C12" s="54" t="s">
        <v>7</v>
      </c>
      <c r="D12" s="94" t="s">
        <v>11</v>
      </c>
      <c r="E12" s="54"/>
      <c r="F12" s="91"/>
    </row>
    <row r="13" spans="1:6" ht="12.95" customHeight="1">
      <c r="A13" s="78" t="s">
        <v>7</v>
      </c>
      <c r="B13" s="87" t="s">
        <v>45</v>
      </c>
      <c r="C13" s="53" t="s">
        <v>7</v>
      </c>
      <c r="D13" s="92" t="s">
        <v>7</v>
      </c>
      <c r="E13" s="53"/>
      <c r="F13" s="90"/>
    </row>
    <row r="14" spans="1:6" ht="12.95" customHeight="1">
      <c r="A14" s="78" t="s">
        <v>7</v>
      </c>
      <c r="B14" s="87" t="s">
        <v>7</v>
      </c>
      <c r="C14" s="53" t="s">
        <v>10</v>
      </c>
      <c r="D14" s="93" t="s">
        <v>7</v>
      </c>
      <c r="E14" s="53"/>
      <c r="F14" s="90"/>
    </row>
    <row r="15" spans="1:6" ht="12.95" customHeight="1">
      <c r="A15" s="78" t="s">
        <v>7</v>
      </c>
      <c r="B15" s="88" t="s">
        <v>7</v>
      </c>
      <c r="C15" s="54" t="s">
        <v>7</v>
      </c>
      <c r="D15" s="94" t="s">
        <v>11</v>
      </c>
      <c r="E15" s="54"/>
      <c r="F15" s="91"/>
    </row>
    <row r="16" spans="1:6" ht="12.95" customHeight="1">
      <c r="A16" s="78" t="s">
        <v>7</v>
      </c>
      <c r="B16" s="87" t="s">
        <v>46</v>
      </c>
      <c r="C16" s="53" t="s">
        <v>7</v>
      </c>
      <c r="D16" s="92" t="s">
        <v>7</v>
      </c>
      <c r="E16" s="53"/>
      <c r="F16" s="90"/>
    </row>
    <row r="17" spans="1:6" ht="12.95" customHeight="1">
      <c r="A17" s="78" t="s">
        <v>7</v>
      </c>
      <c r="B17" s="87" t="s">
        <v>7</v>
      </c>
      <c r="C17" s="53" t="s">
        <v>10</v>
      </c>
      <c r="D17" s="93" t="s">
        <v>7</v>
      </c>
      <c r="E17" s="53"/>
      <c r="F17" s="90"/>
    </row>
    <row r="18" spans="1:6" ht="12.95" customHeight="1">
      <c r="A18" s="78" t="s">
        <v>7</v>
      </c>
      <c r="B18" s="88" t="s">
        <v>7</v>
      </c>
      <c r="C18" s="54" t="s">
        <v>7</v>
      </c>
      <c r="D18" s="94" t="s">
        <v>11</v>
      </c>
      <c r="E18" s="54"/>
      <c r="F18" s="91"/>
    </row>
    <row r="19" spans="1:6" ht="12.95" customHeight="1">
      <c r="A19" s="78" t="s">
        <v>7</v>
      </c>
      <c r="B19" s="87" t="s">
        <v>47</v>
      </c>
      <c r="C19" s="53" t="s">
        <v>7</v>
      </c>
      <c r="D19" s="92" t="s">
        <v>7</v>
      </c>
      <c r="E19" s="53"/>
      <c r="F19" s="90"/>
    </row>
    <row r="20" spans="1:6" ht="12.95" customHeight="1">
      <c r="A20" s="78" t="s">
        <v>7</v>
      </c>
      <c r="B20" s="87" t="s">
        <v>7</v>
      </c>
      <c r="C20" s="53" t="s">
        <v>10</v>
      </c>
      <c r="D20" s="93" t="s">
        <v>7</v>
      </c>
      <c r="E20" s="53"/>
      <c r="F20" s="90"/>
    </row>
    <row r="21" spans="1:6" ht="12.95" customHeight="1">
      <c r="A21" s="78" t="s">
        <v>7</v>
      </c>
      <c r="B21" s="88" t="s">
        <v>7</v>
      </c>
      <c r="C21" s="54" t="s">
        <v>7</v>
      </c>
      <c r="D21" s="94" t="s">
        <v>11</v>
      </c>
      <c r="E21" s="54"/>
      <c r="F21" s="91"/>
    </row>
    <row r="22" spans="1:6" ht="12.95" customHeight="1">
      <c r="A22" s="78" t="s">
        <v>7</v>
      </c>
      <c r="B22" s="89" t="s">
        <v>14</v>
      </c>
      <c r="C22" s="53" t="s">
        <v>7</v>
      </c>
      <c r="D22" s="93" t="s">
        <v>7</v>
      </c>
      <c r="E22" s="53"/>
      <c r="F22" s="95" t="s">
        <v>7</v>
      </c>
    </row>
    <row r="23" spans="1:6" ht="12.95" customHeight="1">
      <c r="A23" s="78" t="s">
        <v>7</v>
      </c>
      <c r="B23" s="87" t="s">
        <v>7</v>
      </c>
      <c r="C23" s="53" t="s">
        <v>7</v>
      </c>
      <c r="D23" s="93" t="s">
        <v>7</v>
      </c>
      <c r="E23" s="53"/>
      <c r="F23" s="95" t="s">
        <v>7</v>
      </c>
    </row>
    <row r="24" spans="1:6" ht="12.95" customHeight="1">
      <c r="A24" s="78" t="s">
        <v>7</v>
      </c>
      <c r="B24" s="88" t="s">
        <v>7</v>
      </c>
      <c r="C24" s="54" t="s">
        <v>7</v>
      </c>
      <c r="D24" s="94" t="s">
        <v>7</v>
      </c>
      <c r="E24" s="54" t="s">
        <v>7</v>
      </c>
      <c r="F24" s="96" t="s">
        <v>7</v>
      </c>
    </row>
    <row r="25" spans="1:6" ht="12.95" customHeight="1">
      <c r="A25" s="78"/>
      <c r="B25" s="10"/>
      <c r="C25" s="55"/>
      <c r="D25" s="11"/>
      <c r="E25" s="55"/>
      <c r="F25" s="22"/>
    </row>
    <row r="26" spans="1:6" ht="12.95" customHeight="1">
      <c r="A26" s="78"/>
      <c r="B26" s="3"/>
      <c r="C26" s="53"/>
      <c r="D26" s="9"/>
      <c r="E26" s="53"/>
      <c r="F26" s="20"/>
    </row>
    <row r="27" spans="1:6" ht="12.95" customHeight="1">
      <c r="A27" s="78"/>
      <c r="B27" s="6"/>
      <c r="C27" s="54"/>
      <c r="D27" s="7"/>
      <c r="E27" s="54"/>
      <c r="F27" s="21"/>
    </row>
    <row r="28" spans="1:6" ht="12.95" customHeight="1">
      <c r="A28" s="78"/>
      <c r="B28" s="10"/>
      <c r="C28" s="55"/>
      <c r="D28" s="11"/>
      <c r="E28" s="55"/>
      <c r="F28" s="22"/>
    </row>
    <row r="29" spans="1:6" ht="12.95" customHeight="1">
      <c r="A29" s="78"/>
      <c r="B29" s="3"/>
      <c r="C29" s="53"/>
      <c r="D29" s="9"/>
      <c r="E29" s="53"/>
      <c r="F29" s="20"/>
    </row>
    <row r="30" spans="1:6" ht="12.95" customHeight="1">
      <c r="A30" s="78"/>
      <c r="B30" s="6"/>
      <c r="C30" s="54"/>
      <c r="D30" s="7"/>
      <c r="E30" s="54"/>
      <c r="F30" s="21"/>
    </row>
    <row r="31" spans="1:6" ht="12.95" customHeight="1">
      <c r="A31" s="78"/>
      <c r="B31" s="10"/>
      <c r="C31" s="55"/>
      <c r="D31" s="11"/>
      <c r="E31" s="55"/>
      <c r="F31" s="22"/>
    </row>
    <row r="32" spans="1:6" ht="12.95" customHeight="1">
      <c r="A32" s="78"/>
      <c r="B32" s="3"/>
      <c r="C32" s="53"/>
      <c r="D32" s="9"/>
      <c r="E32" s="53"/>
      <c r="F32" s="20"/>
    </row>
    <row r="33" spans="1:6" ht="12.95" customHeight="1">
      <c r="A33" s="78"/>
      <c r="B33" s="6"/>
      <c r="C33" s="54"/>
      <c r="D33" s="7"/>
      <c r="E33" s="54"/>
      <c r="F33" s="21"/>
    </row>
    <row r="34" spans="1:6" ht="12.95" customHeight="1">
      <c r="A34" s="78"/>
      <c r="B34" s="10"/>
      <c r="C34" s="55"/>
      <c r="D34" s="11"/>
      <c r="E34" s="55"/>
      <c r="F34" s="22"/>
    </row>
    <row r="35" spans="1:6" ht="12.95" customHeight="1">
      <c r="A35" s="78"/>
      <c r="B35" s="3"/>
      <c r="C35" s="53"/>
      <c r="D35" s="9"/>
      <c r="E35" s="53"/>
      <c r="F35" s="20"/>
    </row>
    <row r="36" spans="1:6" ht="12.95" customHeight="1">
      <c r="A36" s="78"/>
      <c r="B36" s="6"/>
      <c r="C36" s="54"/>
      <c r="D36" s="7"/>
      <c r="E36" s="54"/>
      <c r="F36" s="21"/>
    </row>
    <row r="37" spans="1:6" ht="12.95" customHeight="1">
      <c r="A37" s="78"/>
      <c r="B37" s="10"/>
      <c r="C37" s="55"/>
      <c r="D37" s="11"/>
      <c r="E37" s="55"/>
      <c r="F37" s="22"/>
    </row>
    <row r="38" spans="1:6" ht="12.95" customHeight="1">
      <c r="A38" s="78"/>
      <c r="B38" s="3"/>
      <c r="C38" s="53"/>
      <c r="D38" s="9"/>
      <c r="E38" s="53"/>
      <c r="F38" s="20"/>
    </row>
    <row r="39" spans="1:6" ht="12.95" customHeight="1">
      <c r="A39" s="78"/>
      <c r="B39" s="6"/>
      <c r="C39" s="54"/>
      <c r="D39" s="7"/>
      <c r="E39" s="54"/>
      <c r="F39" s="21"/>
    </row>
    <row r="40" spans="1:6" ht="12.95" customHeight="1">
      <c r="A40" s="78"/>
      <c r="B40" s="10"/>
      <c r="C40" s="55"/>
      <c r="D40" s="13"/>
      <c r="E40" s="55"/>
      <c r="F40" s="22"/>
    </row>
    <row r="41" spans="1:6" ht="12.95" customHeight="1">
      <c r="A41" s="78"/>
      <c r="B41" s="3"/>
      <c r="C41" s="53"/>
      <c r="D41" s="9"/>
      <c r="E41" s="53"/>
      <c r="F41" s="20"/>
    </row>
    <row r="42" spans="1:6" ht="12.95" customHeight="1">
      <c r="A42" s="78"/>
      <c r="B42" s="6"/>
      <c r="C42" s="54"/>
      <c r="D42" s="7"/>
      <c r="E42" s="54"/>
      <c r="F42" s="21"/>
    </row>
    <row r="43" spans="1:6" ht="12.95" customHeight="1">
      <c r="A43" s="78"/>
      <c r="B43" s="10"/>
      <c r="C43" s="55"/>
      <c r="D43" s="11"/>
      <c r="E43" s="55"/>
      <c r="F43" s="22"/>
    </row>
    <row r="44" spans="1:6" ht="12.95" customHeight="1">
      <c r="A44" s="78"/>
      <c r="B44" s="3"/>
      <c r="C44" s="53"/>
      <c r="D44" s="9"/>
      <c r="E44" s="53"/>
      <c r="F44" s="20"/>
    </row>
    <row r="45" spans="1:6" ht="12.95" customHeight="1">
      <c r="A45" s="78"/>
      <c r="B45" s="6"/>
      <c r="C45" s="54"/>
      <c r="D45" s="7"/>
      <c r="E45" s="54"/>
      <c r="F45" s="21"/>
    </row>
    <row r="46" spans="1:6" ht="12.95" customHeight="1">
      <c r="A46" s="78"/>
      <c r="B46" s="10"/>
      <c r="C46" s="55"/>
      <c r="D46" s="11"/>
      <c r="E46" s="55"/>
      <c r="F46" s="22"/>
    </row>
    <row r="47" spans="1:6" ht="12.95" customHeight="1">
      <c r="A47" s="78"/>
      <c r="B47" s="3"/>
      <c r="C47" s="53"/>
      <c r="D47" s="9"/>
      <c r="E47" s="53"/>
      <c r="F47" s="20"/>
    </row>
    <row r="48" spans="1:6" ht="12.95" customHeight="1">
      <c r="A48" s="78"/>
      <c r="B48" s="6"/>
      <c r="C48" s="54"/>
      <c r="D48" s="7"/>
      <c r="E48" s="54"/>
      <c r="F48" s="21"/>
    </row>
    <row r="49" spans="1:6" ht="12.95" customHeight="1">
      <c r="A49" s="78"/>
      <c r="B49" s="10"/>
      <c r="C49" s="55"/>
      <c r="D49" s="11"/>
      <c r="E49" s="55"/>
      <c r="F49" s="22"/>
    </row>
    <row r="50" spans="1:6" ht="12.95" customHeight="1">
      <c r="A50" s="78"/>
      <c r="B50" s="3"/>
      <c r="C50" s="53"/>
      <c r="D50" s="4"/>
      <c r="E50" s="53"/>
      <c r="F50" s="20"/>
    </row>
    <row r="51" spans="1:6" ht="12.95" customHeight="1">
      <c r="A51" s="78"/>
      <c r="B51" s="6"/>
      <c r="C51" s="54"/>
      <c r="D51" s="7"/>
      <c r="E51" s="54"/>
      <c r="F51" s="21"/>
    </row>
    <row r="52" spans="1:6" ht="12.95" customHeight="1">
      <c r="A52" s="78"/>
      <c r="B52" s="10"/>
      <c r="C52" s="55"/>
      <c r="D52" s="11"/>
      <c r="E52" s="55"/>
      <c r="F52" s="22"/>
    </row>
    <row r="53" spans="1:6" ht="12.95" customHeight="1">
      <c r="A53" s="78"/>
      <c r="B53" s="3"/>
      <c r="C53" s="53"/>
      <c r="D53" s="9"/>
      <c r="E53" s="53"/>
      <c r="F53" s="20"/>
    </row>
    <row r="54" spans="1:6" ht="12.95" customHeight="1">
      <c r="A54" s="78"/>
      <c r="B54" s="6"/>
      <c r="C54" s="54"/>
      <c r="D54" s="7"/>
      <c r="E54" s="54"/>
      <c r="F54" s="21"/>
    </row>
    <row r="55" spans="1:6" ht="12.95" customHeight="1">
      <c r="A55" s="78"/>
      <c r="B55" s="10"/>
      <c r="C55" s="55"/>
      <c r="D55" s="11"/>
      <c r="E55" s="55"/>
      <c r="F55" s="22"/>
    </row>
    <row r="56" spans="1:6" ht="12.95" customHeight="1">
      <c r="A56" s="78"/>
      <c r="B56" s="3"/>
      <c r="C56" s="53"/>
      <c r="D56" s="9"/>
      <c r="E56" s="53"/>
      <c r="F56" s="20"/>
    </row>
    <row r="57" spans="1:6" ht="12.95" customHeight="1">
      <c r="A57" s="78"/>
      <c r="B57" s="6"/>
      <c r="C57" s="54"/>
      <c r="D57" s="7"/>
      <c r="E57" s="54"/>
      <c r="F57" s="21"/>
    </row>
    <row r="58" spans="1:6" ht="12.95" customHeight="1">
      <c r="A58" s="78"/>
      <c r="B58" s="10"/>
      <c r="C58" s="55"/>
      <c r="D58" s="11"/>
      <c r="E58" s="55"/>
      <c r="F58" s="22"/>
    </row>
    <row r="59" spans="1:6" ht="12.95" customHeight="1">
      <c r="A59" s="78"/>
      <c r="B59" s="3"/>
      <c r="C59" s="53"/>
      <c r="D59" s="9"/>
      <c r="E59" s="53"/>
      <c r="F59" s="20"/>
    </row>
    <row r="60" spans="1:6" ht="12.95" customHeight="1">
      <c r="A60" s="78"/>
      <c r="B60" s="6"/>
      <c r="C60" s="54"/>
      <c r="D60" s="14"/>
      <c r="E60" s="54"/>
      <c r="F60" s="21"/>
    </row>
    <row r="61" spans="1:6" ht="12.95" customHeight="1">
      <c r="A61" s="78"/>
      <c r="B61" s="10"/>
      <c r="C61" s="55"/>
      <c r="D61" s="11"/>
      <c r="E61" s="55"/>
      <c r="F61" s="22"/>
    </row>
    <row r="62" spans="1:6" ht="12.95" customHeight="1">
      <c r="A62" s="78"/>
      <c r="B62" s="3"/>
      <c r="C62" s="56"/>
      <c r="D62" s="15"/>
      <c r="E62" s="56"/>
      <c r="F62" s="20"/>
    </row>
    <row r="63" spans="1:6" ht="12.95" customHeight="1">
      <c r="A63" s="78"/>
      <c r="B63" s="16"/>
      <c r="C63" s="57"/>
      <c r="D63" s="17"/>
      <c r="E63" s="57"/>
      <c r="F63" s="23"/>
    </row>
    <row r="64" spans="1:6" ht="0.95" customHeight="1">
      <c r="B64" s="19"/>
      <c r="C64" s="19"/>
      <c r="D64" s="19"/>
      <c r="E64" s="19"/>
      <c r="F64" s="19"/>
    </row>
    <row r="65" spans="1:6" s="1" customFormat="1" ht="18" customHeight="1">
      <c r="B65" s="79" t="s">
        <v>41</v>
      </c>
      <c r="C65" s="79"/>
      <c r="D65" s="79"/>
      <c r="E65" s="79"/>
      <c r="F65" s="80"/>
    </row>
    <row r="66" spans="1:6" ht="21" customHeight="1">
      <c r="A66" s="78"/>
      <c r="B66" s="206" t="s">
        <v>32</v>
      </c>
      <c r="C66" s="206"/>
      <c r="D66" s="206"/>
      <c r="E66" s="206"/>
      <c r="F66" s="206"/>
    </row>
    <row r="67" spans="1:6" ht="21" customHeight="1">
      <c r="A67" s="78"/>
      <c r="B67" s="84" t="s">
        <v>0</v>
      </c>
      <c r="C67" s="85" t="s">
        <v>1</v>
      </c>
      <c r="D67" s="85" t="s">
        <v>2</v>
      </c>
      <c r="E67" s="85" t="s">
        <v>3</v>
      </c>
      <c r="F67" s="86" t="s">
        <v>5</v>
      </c>
    </row>
    <row r="68" spans="1:6" ht="12.95" customHeight="1">
      <c r="A68" s="78" t="s">
        <v>7</v>
      </c>
      <c r="B68" s="87" t="s">
        <v>48</v>
      </c>
      <c r="C68" s="53" t="s">
        <v>7</v>
      </c>
      <c r="D68" s="92" t="s">
        <v>7</v>
      </c>
      <c r="E68" s="53" t="s">
        <v>7</v>
      </c>
      <c r="F68" s="90"/>
    </row>
    <row r="69" spans="1:6" ht="12.95" customHeight="1">
      <c r="A69" s="78" t="s">
        <v>7</v>
      </c>
      <c r="B69" s="87" t="s">
        <v>7</v>
      </c>
      <c r="C69" s="53" t="s">
        <v>10</v>
      </c>
      <c r="D69" s="93" t="s">
        <v>7</v>
      </c>
      <c r="E69" s="53"/>
      <c r="F69" s="90"/>
    </row>
    <row r="70" spans="1:6" ht="12.95" customHeight="1">
      <c r="A70" s="78" t="s">
        <v>7</v>
      </c>
      <c r="B70" s="88" t="s">
        <v>7</v>
      </c>
      <c r="C70" s="54" t="s">
        <v>7</v>
      </c>
      <c r="D70" s="94" t="s">
        <v>11</v>
      </c>
      <c r="E70" s="54"/>
      <c r="F70" s="91"/>
    </row>
    <row r="71" spans="1:6" ht="12.95" customHeight="1">
      <c r="A71" s="78" t="s">
        <v>7</v>
      </c>
      <c r="B71" s="87" t="s">
        <v>49</v>
      </c>
      <c r="C71" s="53" t="s">
        <v>7</v>
      </c>
      <c r="D71" s="92" t="s">
        <v>7</v>
      </c>
      <c r="E71" s="53"/>
      <c r="F71" s="90"/>
    </row>
    <row r="72" spans="1:6" ht="12.95" customHeight="1">
      <c r="A72" s="78" t="s">
        <v>7</v>
      </c>
      <c r="B72" s="87" t="s">
        <v>7</v>
      </c>
      <c r="C72" s="53" t="s">
        <v>10</v>
      </c>
      <c r="D72" s="93" t="s">
        <v>7</v>
      </c>
      <c r="E72" s="53"/>
      <c r="F72" s="90"/>
    </row>
    <row r="73" spans="1:6" ht="12.95" customHeight="1">
      <c r="A73" s="78" t="s">
        <v>7</v>
      </c>
      <c r="B73" s="88" t="s">
        <v>7</v>
      </c>
      <c r="C73" s="54" t="s">
        <v>7</v>
      </c>
      <c r="D73" s="94" t="s">
        <v>11</v>
      </c>
      <c r="E73" s="54"/>
      <c r="F73" s="91"/>
    </row>
    <row r="74" spans="1:6" ht="12.95" customHeight="1">
      <c r="A74" s="78" t="s">
        <v>7</v>
      </c>
      <c r="B74" s="87" t="s">
        <v>50</v>
      </c>
      <c r="C74" s="53" t="s">
        <v>7</v>
      </c>
      <c r="D74" s="92" t="s">
        <v>7</v>
      </c>
      <c r="E74" s="53"/>
      <c r="F74" s="90"/>
    </row>
    <row r="75" spans="1:6" ht="12.95" customHeight="1">
      <c r="A75" s="78" t="s">
        <v>7</v>
      </c>
      <c r="B75" s="87" t="s">
        <v>7</v>
      </c>
      <c r="C75" s="53" t="s">
        <v>10</v>
      </c>
      <c r="D75" s="93" t="s">
        <v>7</v>
      </c>
      <c r="E75" s="53"/>
      <c r="F75" s="90"/>
    </row>
    <row r="76" spans="1:6" ht="12.95" customHeight="1">
      <c r="A76" s="78" t="s">
        <v>7</v>
      </c>
      <c r="B76" s="88" t="s">
        <v>7</v>
      </c>
      <c r="C76" s="54" t="s">
        <v>7</v>
      </c>
      <c r="D76" s="94" t="s">
        <v>11</v>
      </c>
      <c r="E76" s="54"/>
      <c r="F76" s="91"/>
    </row>
    <row r="77" spans="1:6" ht="12.95" customHeight="1">
      <c r="A77" s="78" t="s">
        <v>7</v>
      </c>
      <c r="B77" s="89" t="s">
        <v>14</v>
      </c>
      <c r="C77" s="53" t="s">
        <v>7</v>
      </c>
      <c r="D77" s="93" t="s">
        <v>7</v>
      </c>
      <c r="E77" s="53"/>
      <c r="F77" s="95"/>
    </row>
    <row r="78" spans="1:6" ht="12.95" customHeight="1">
      <c r="A78" s="78" t="s">
        <v>7</v>
      </c>
      <c r="B78" s="87" t="s">
        <v>7</v>
      </c>
      <c r="C78" s="53" t="s">
        <v>7</v>
      </c>
      <c r="D78" s="93" t="s">
        <v>7</v>
      </c>
      <c r="E78" s="53"/>
      <c r="F78" s="95"/>
    </row>
    <row r="79" spans="1:6" ht="12.95" customHeight="1">
      <c r="A79" s="78" t="s">
        <v>7</v>
      </c>
      <c r="B79" s="88" t="s">
        <v>7</v>
      </c>
      <c r="C79" s="54" t="s">
        <v>7</v>
      </c>
      <c r="D79" s="94" t="s">
        <v>7</v>
      </c>
      <c r="E79" s="54" t="s">
        <v>7</v>
      </c>
      <c r="F79" s="96"/>
    </row>
    <row r="80" spans="1:6" ht="12.95" customHeight="1">
      <c r="A80" s="78"/>
      <c r="B80" s="10"/>
      <c r="C80" s="55"/>
      <c r="D80" s="11"/>
      <c r="E80" s="55"/>
      <c r="F80" s="22"/>
    </row>
    <row r="81" spans="1:6" ht="12.95" customHeight="1">
      <c r="A81" s="78"/>
      <c r="B81" s="3"/>
      <c r="C81" s="53"/>
      <c r="D81" s="9"/>
      <c r="E81" s="53"/>
      <c r="F81" s="20"/>
    </row>
    <row r="82" spans="1:6" ht="12.95" customHeight="1">
      <c r="A82" s="78"/>
      <c r="B82" s="6"/>
      <c r="C82" s="54"/>
      <c r="D82" s="7"/>
      <c r="E82" s="54"/>
      <c r="F82" s="21"/>
    </row>
    <row r="83" spans="1:6" ht="12.95" customHeight="1">
      <c r="A83" s="78"/>
      <c r="B83" s="10"/>
      <c r="C83" s="55"/>
      <c r="D83" s="11"/>
      <c r="E83" s="55"/>
      <c r="F83" s="22"/>
    </row>
    <row r="84" spans="1:6" ht="12.95" customHeight="1">
      <c r="A84" s="78"/>
      <c r="B84" s="3"/>
      <c r="C84" s="53"/>
      <c r="D84" s="9"/>
      <c r="E84" s="53"/>
      <c r="F84" s="20"/>
    </row>
    <row r="85" spans="1:6" ht="12.95" customHeight="1">
      <c r="A85" s="78"/>
      <c r="B85" s="6"/>
      <c r="C85" s="54"/>
      <c r="D85" s="7"/>
      <c r="E85" s="54"/>
      <c r="F85" s="21"/>
    </row>
    <row r="86" spans="1:6" ht="12.95" customHeight="1">
      <c r="A86" s="78"/>
      <c r="B86" s="10"/>
      <c r="C86" s="55"/>
      <c r="D86" s="11"/>
      <c r="E86" s="55"/>
      <c r="F86" s="22"/>
    </row>
    <row r="87" spans="1:6" ht="12.95" customHeight="1">
      <c r="A87" s="78"/>
      <c r="B87" s="3"/>
      <c r="C87" s="53"/>
      <c r="D87" s="9"/>
      <c r="E87" s="53"/>
      <c r="F87" s="20"/>
    </row>
    <row r="88" spans="1:6" ht="12.95" customHeight="1">
      <c r="A88" s="78"/>
      <c r="B88" s="6"/>
      <c r="C88" s="54"/>
      <c r="D88" s="7"/>
      <c r="E88" s="54"/>
      <c r="F88" s="21"/>
    </row>
    <row r="89" spans="1:6" ht="12.95" customHeight="1">
      <c r="A89" s="78"/>
      <c r="B89" s="10"/>
      <c r="C89" s="55"/>
      <c r="D89" s="11"/>
      <c r="E89" s="55"/>
      <c r="F89" s="22"/>
    </row>
    <row r="90" spans="1:6" ht="12.95" customHeight="1">
      <c r="A90" s="78"/>
      <c r="B90" s="3"/>
      <c r="C90" s="53"/>
      <c r="D90" s="9"/>
      <c r="E90" s="53"/>
      <c r="F90" s="20"/>
    </row>
    <row r="91" spans="1:6" ht="12.95" customHeight="1">
      <c r="A91" s="78"/>
      <c r="B91" s="6"/>
      <c r="C91" s="54"/>
      <c r="D91" s="7"/>
      <c r="E91" s="54"/>
      <c r="F91" s="21"/>
    </row>
    <row r="92" spans="1:6" ht="12.95" customHeight="1">
      <c r="A92" s="78"/>
      <c r="B92" s="10"/>
      <c r="C92" s="55"/>
      <c r="D92" s="11"/>
      <c r="E92" s="55"/>
      <c r="F92" s="22"/>
    </row>
    <row r="93" spans="1:6" ht="12.95" customHeight="1">
      <c r="A93" s="78"/>
      <c r="B93" s="3"/>
      <c r="C93" s="53"/>
      <c r="D93" s="9"/>
      <c r="E93" s="53"/>
      <c r="F93" s="20"/>
    </row>
    <row r="94" spans="1:6" ht="12.95" customHeight="1">
      <c r="A94" s="78"/>
      <c r="B94" s="6"/>
      <c r="C94" s="54"/>
      <c r="D94" s="7"/>
      <c r="E94" s="54"/>
      <c r="F94" s="21"/>
    </row>
    <row r="95" spans="1:6" ht="12.95" customHeight="1">
      <c r="A95" s="78"/>
      <c r="B95" s="10"/>
      <c r="C95" s="55"/>
      <c r="D95" s="11"/>
      <c r="E95" s="55"/>
      <c r="F95" s="22"/>
    </row>
    <row r="96" spans="1:6" ht="12.95" customHeight="1">
      <c r="A96" s="78"/>
      <c r="B96" s="3"/>
      <c r="C96" s="53"/>
      <c r="D96" s="9"/>
      <c r="E96" s="53"/>
      <c r="F96" s="20"/>
    </row>
    <row r="97" spans="1:6" ht="12.95" customHeight="1">
      <c r="A97" s="78"/>
      <c r="B97" s="6"/>
      <c r="C97" s="54"/>
      <c r="D97" s="7"/>
      <c r="E97" s="54"/>
      <c r="F97" s="21"/>
    </row>
    <row r="98" spans="1:6" ht="12.95" customHeight="1">
      <c r="A98" s="78"/>
      <c r="B98" s="10"/>
      <c r="C98" s="55"/>
      <c r="D98" s="11"/>
      <c r="E98" s="55"/>
      <c r="F98" s="22"/>
    </row>
    <row r="99" spans="1:6" ht="12.95" customHeight="1">
      <c r="A99" s="78"/>
      <c r="B99" s="3"/>
      <c r="C99" s="53"/>
      <c r="D99" s="9"/>
      <c r="E99" s="53"/>
      <c r="F99" s="20"/>
    </row>
    <row r="100" spans="1:6" ht="12.95" customHeight="1">
      <c r="A100" s="78"/>
      <c r="B100" s="6"/>
      <c r="C100" s="54"/>
      <c r="D100" s="7"/>
      <c r="E100" s="54"/>
      <c r="F100" s="21"/>
    </row>
    <row r="101" spans="1:6" ht="12.95" customHeight="1">
      <c r="A101" s="78"/>
      <c r="B101" s="10"/>
      <c r="C101" s="55"/>
      <c r="D101" s="11"/>
      <c r="E101" s="55"/>
      <c r="F101" s="22"/>
    </row>
    <row r="102" spans="1:6" ht="12.95" customHeight="1">
      <c r="A102" s="78"/>
      <c r="B102" s="3"/>
      <c r="C102" s="53"/>
      <c r="D102" s="9"/>
      <c r="E102" s="53"/>
      <c r="F102" s="20"/>
    </row>
    <row r="103" spans="1:6" ht="12.95" customHeight="1">
      <c r="A103" s="78"/>
      <c r="B103" s="6"/>
      <c r="C103" s="54"/>
      <c r="D103" s="7"/>
      <c r="E103" s="54"/>
      <c r="F103" s="21"/>
    </row>
    <row r="104" spans="1:6" ht="12.95" customHeight="1">
      <c r="A104" s="78"/>
      <c r="B104" s="10"/>
      <c r="C104" s="55"/>
      <c r="D104" s="13"/>
      <c r="E104" s="55"/>
      <c r="F104" s="22"/>
    </row>
    <row r="105" spans="1:6" ht="12.95" customHeight="1">
      <c r="A105" s="78"/>
      <c r="B105" s="3"/>
      <c r="C105" s="53"/>
      <c r="D105" s="9"/>
      <c r="E105" s="53"/>
      <c r="F105" s="20"/>
    </row>
    <row r="106" spans="1:6" ht="12.95" customHeight="1">
      <c r="A106" s="78"/>
      <c r="B106" s="6"/>
      <c r="C106" s="54"/>
      <c r="D106" s="7"/>
      <c r="E106" s="54"/>
      <c r="F106" s="21"/>
    </row>
    <row r="107" spans="1:6" ht="12.95" customHeight="1">
      <c r="A107" s="78"/>
      <c r="B107" s="10"/>
      <c r="C107" s="55"/>
      <c r="D107" s="11"/>
      <c r="E107" s="55"/>
      <c r="F107" s="22"/>
    </row>
    <row r="108" spans="1:6" ht="12.95" customHeight="1">
      <c r="A108" s="78"/>
      <c r="B108" s="3"/>
      <c r="C108" s="53"/>
      <c r="D108" s="9"/>
      <c r="E108" s="53"/>
      <c r="F108" s="20"/>
    </row>
    <row r="109" spans="1:6" ht="12.95" customHeight="1">
      <c r="A109" s="78"/>
      <c r="B109" s="6"/>
      <c r="C109" s="54"/>
      <c r="D109" s="7"/>
      <c r="E109" s="54"/>
      <c r="F109" s="21"/>
    </row>
    <row r="110" spans="1:6" ht="12.95" customHeight="1">
      <c r="A110" s="78"/>
      <c r="B110" s="10"/>
      <c r="C110" s="55"/>
      <c r="D110" s="11"/>
      <c r="E110" s="55"/>
      <c r="F110" s="22"/>
    </row>
    <row r="111" spans="1:6" ht="12.95" customHeight="1">
      <c r="A111" s="78"/>
      <c r="B111" s="3"/>
      <c r="C111" s="53"/>
      <c r="D111" s="9"/>
      <c r="E111" s="53"/>
      <c r="F111" s="20"/>
    </row>
    <row r="112" spans="1:6" ht="12.95" customHeight="1">
      <c r="A112" s="78"/>
      <c r="B112" s="6"/>
      <c r="C112" s="54"/>
      <c r="D112" s="7"/>
      <c r="E112" s="54"/>
      <c r="F112" s="21"/>
    </row>
    <row r="113" spans="1:6" ht="12.95" customHeight="1">
      <c r="A113" s="78"/>
      <c r="B113" s="10"/>
      <c r="C113" s="55"/>
      <c r="D113" s="11"/>
      <c r="E113" s="55"/>
      <c r="F113" s="22"/>
    </row>
    <row r="114" spans="1:6" ht="12.95" customHeight="1">
      <c r="A114" s="78"/>
      <c r="B114" s="3"/>
      <c r="C114" s="53"/>
      <c r="D114" s="4"/>
      <c r="E114" s="53"/>
      <c r="F114" s="20"/>
    </row>
    <row r="115" spans="1:6" ht="12.95" customHeight="1">
      <c r="A115" s="78"/>
      <c r="B115" s="6"/>
      <c r="C115" s="54"/>
      <c r="D115" s="7"/>
      <c r="E115" s="54"/>
      <c r="F115" s="21"/>
    </row>
    <row r="116" spans="1:6" ht="12.95" customHeight="1">
      <c r="A116" s="78"/>
      <c r="B116" s="10"/>
      <c r="C116" s="55"/>
      <c r="D116" s="11"/>
      <c r="E116" s="55"/>
      <c r="F116" s="22"/>
    </row>
    <row r="117" spans="1:6" ht="12.95" customHeight="1">
      <c r="A117" s="78"/>
      <c r="B117" s="3"/>
      <c r="C117" s="53"/>
      <c r="D117" s="9"/>
      <c r="E117" s="53"/>
      <c r="F117" s="20"/>
    </row>
    <row r="118" spans="1:6" ht="12.95" customHeight="1">
      <c r="A118" s="78"/>
      <c r="B118" s="6"/>
      <c r="C118" s="54"/>
      <c r="D118" s="7"/>
      <c r="E118" s="54"/>
      <c r="F118" s="21"/>
    </row>
    <row r="119" spans="1:6" ht="12.95" customHeight="1">
      <c r="A119" s="78"/>
      <c r="B119" s="10"/>
      <c r="C119" s="55"/>
      <c r="D119" s="11"/>
      <c r="E119" s="55"/>
      <c r="F119" s="22"/>
    </row>
    <row r="120" spans="1:6" ht="12.95" customHeight="1">
      <c r="A120" s="78"/>
      <c r="B120" s="3"/>
      <c r="C120" s="53"/>
      <c r="D120" s="9"/>
      <c r="E120" s="53"/>
      <c r="F120" s="20"/>
    </row>
    <row r="121" spans="1:6" ht="12.95" customHeight="1">
      <c r="A121" s="78"/>
      <c r="B121" s="6"/>
      <c r="C121" s="54"/>
      <c r="D121" s="7"/>
      <c r="E121" s="54"/>
      <c r="F121" s="21"/>
    </row>
    <row r="122" spans="1:6" ht="12.95" customHeight="1">
      <c r="A122" s="78"/>
      <c r="B122" s="10"/>
      <c r="C122" s="55"/>
      <c r="D122" s="11"/>
      <c r="E122" s="55"/>
      <c r="F122" s="22"/>
    </row>
    <row r="123" spans="1:6" ht="12.95" customHeight="1">
      <c r="A123" s="78"/>
      <c r="B123" s="3"/>
      <c r="C123" s="53"/>
      <c r="D123" s="9"/>
      <c r="E123" s="53"/>
      <c r="F123" s="20"/>
    </row>
    <row r="124" spans="1:6" ht="12.95" customHeight="1">
      <c r="A124" s="78"/>
      <c r="B124" s="6"/>
      <c r="C124" s="54"/>
      <c r="D124" s="14"/>
      <c r="E124" s="54"/>
      <c r="F124" s="21"/>
    </row>
    <row r="125" spans="1:6" ht="12.95" customHeight="1">
      <c r="A125" s="78"/>
      <c r="B125" s="10"/>
      <c r="C125" s="55"/>
      <c r="D125" s="11"/>
      <c r="E125" s="55"/>
      <c r="F125" s="22"/>
    </row>
    <row r="126" spans="1:6" ht="12.95" customHeight="1">
      <c r="A126" s="78"/>
      <c r="B126" s="3"/>
      <c r="C126" s="56"/>
      <c r="D126" s="15"/>
      <c r="E126" s="56"/>
      <c r="F126" s="20"/>
    </row>
    <row r="127" spans="1:6" ht="12.95" customHeight="1">
      <c r="A127" s="78"/>
      <c r="B127" s="16"/>
      <c r="C127" s="57"/>
      <c r="D127" s="17"/>
      <c r="E127" s="57"/>
      <c r="F127" s="23"/>
    </row>
    <row r="128" spans="1:6" ht="0.95" customHeight="1">
      <c r="B128" s="19"/>
      <c r="C128" s="19"/>
      <c r="D128" s="19"/>
      <c r="E128" s="19"/>
      <c r="F128" s="19"/>
    </row>
    <row r="129" spans="1:6" s="1" customFormat="1" ht="18" customHeight="1">
      <c r="B129" s="79" t="s">
        <v>51</v>
      </c>
      <c r="C129" s="79"/>
      <c r="D129" s="79"/>
      <c r="E129" s="79"/>
      <c r="F129" s="80"/>
    </row>
    <row r="130" spans="1:6" ht="21" customHeight="1">
      <c r="A130" s="78"/>
      <c r="B130" s="206" t="s">
        <v>21</v>
      </c>
      <c r="C130" s="206"/>
      <c r="D130" s="206"/>
      <c r="E130" s="206"/>
      <c r="F130" s="206"/>
    </row>
    <row r="131" spans="1:6" ht="21" customHeight="1">
      <c r="A131" s="78"/>
      <c r="B131" s="84" t="s">
        <v>0</v>
      </c>
      <c r="C131" s="85" t="s">
        <v>1</v>
      </c>
      <c r="D131" s="85" t="s">
        <v>2</v>
      </c>
      <c r="E131" s="85" t="s">
        <v>3</v>
      </c>
      <c r="F131" s="86" t="s">
        <v>5</v>
      </c>
    </row>
    <row r="132" spans="1:6" ht="12.95" customHeight="1">
      <c r="A132" s="78" t="s">
        <v>7</v>
      </c>
      <c r="B132" s="87" t="s">
        <v>21</v>
      </c>
      <c r="C132" s="53" t="s">
        <v>7</v>
      </c>
      <c r="D132" s="92" t="s">
        <v>7</v>
      </c>
      <c r="E132" s="53" t="s">
        <v>7</v>
      </c>
      <c r="F132" s="90"/>
    </row>
    <row r="133" spans="1:6" ht="12.95" customHeight="1">
      <c r="A133" s="78" t="s">
        <v>7</v>
      </c>
      <c r="B133" s="87" t="s">
        <v>7</v>
      </c>
      <c r="C133" s="53" t="s">
        <v>10</v>
      </c>
      <c r="D133" s="93" t="s">
        <v>7</v>
      </c>
      <c r="E133" s="53"/>
      <c r="F133" s="90" t="s">
        <v>7</v>
      </c>
    </row>
    <row r="134" spans="1:6" ht="12.95" customHeight="1">
      <c r="A134" s="78" t="s">
        <v>7</v>
      </c>
      <c r="B134" s="88" t="s">
        <v>7</v>
      </c>
      <c r="C134" s="54" t="s">
        <v>7</v>
      </c>
      <c r="D134" s="94" t="s">
        <v>11</v>
      </c>
      <c r="E134" s="54"/>
      <c r="F134" s="91" t="s">
        <v>7</v>
      </c>
    </row>
    <row r="135" spans="1:6" ht="12.95" customHeight="1">
      <c r="A135" s="78" t="s">
        <v>7</v>
      </c>
      <c r="B135" s="89" t="s">
        <v>14</v>
      </c>
      <c r="C135" s="53" t="s">
        <v>7</v>
      </c>
      <c r="D135" s="93" t="s">
        <v>7</v>
      </c>
      <c r="E135" s="53"/>
      <c r="F135" s="95" t="s">
        <v>7</v>
      </c>
    </row>
    <row r="136" spans="1:6" ht="12.95" customHeight="1">
      <c r="A136" s="78" t="s">
        <v>7</v>
      </c>
      <c r="B136" s="87" t="s">
        <v>7</v>
      </c>
      <c r="C136" s="53" t="s">
        <v>7</v>
      </c>
      <c r="D136" s="93" t="s">
        <v>7</v>
      </c>
      <c r="E136" s="53"/>
      <c r="F136" s="95" t="s">
        <v>7</v>
      </c>
    </row>
    <row r="137" spans="1:6" ht="12.95" customHeight="1">
      <c r="A137" s="78" t="s">
        <v>7</v>
      </c>
      <c r="B137" s="88" t="s">
        <v>7</v>
      </c>
      <c r="C137" s="54" t="s">
        <v>7</v>
      </c>
      <c r="D137" s="94" t="s">
        <v>7</v>
      </c>
      <c r="E137" s="54"/>
      <c r="F137" s="96" t="s">
        <v>7</v>
      </c>
    </row>
    <row r="138" spans="1:6" ht="12.95" customHeight="1">
      <c r="A138" s="78"/>
      <c r="B138" s="10"/>
      <c r="C138" s="55"/>
      <c r="D138" s="11"/>
      <c r="E138" s="55"/>
      <c r="F138" s="22"/>
    </row>
    <row r="139" spans="1:6" ht="12.95" customHeight="1">
      <c r="A139" s="78"/>
      <c r="B139" s="3"/>
      <c r="C139" s="53"/>
      <c r="D139" s="9"/>
      <c r="E139" s="53"/>
      <c r="F139" s="20"/>
    </row>
    <row r="140" spans="1:6" ht="12.95" customHeight="1">
      <c r="A140" s="78"/>
      <c r="B140" s="6"/>
      <c r="C140" s="54"/>
      <c r="D140" s="7"/>
      <c r="E140" s="54"/>
      <c r="F140" s="21"/>
    </row>
    <row r="141" spans="1:6" ht="12.95" customHeight="1">
      <c r="A141" s="78"/>
      <c r="B141" s="10"/>
      <c r="C141" s="55"/>
      <c r="D141" s="11"/>
      <c r="E141" s="55"/>
      <c r="F141" s="22"/>
    </row>
    <row r="142" spans="1:6" ht="12.95" customHeight="1">
      <c r="A142" s="78"/>
      <c r="B142" s="3"/>
      <c r="C142" s="53"/>
      <c r="D142" s="9"/>
      <c r="E142" s="53"/>
      <c r="F142" s="20"/>
    </row>
    <row r="143" spans="1:6" ht="12.95" customHeight="1">
      <c r="A143" s="78"/>
      <c r="B143" s="6"/>
      <c r="C143" s="54"/>
      <c r="D143" s="7"/>
      <c r="E143" s="54"/>
      <c r="F143" s="21"/>
    </row>
    <row r="144" spans="1:6" ht="12.95" customHeight="1">
      <c r="A144" s="78"/>
      <c r="B144" s="10"/>
      <c r="C144" s="55"/>
      <c r="D144" s="11"/>
      <c r="E144" s="55"/>
      <c r="F144" s="22"/>
    </row>
    <row r="145" spans="1:6" ht="12.95" customHeight="1">
      <c r="A145" s="78"/>
      <c r="B145" s="3"/>
      <c r="C145" s="53"/>
      <c r="D145" s="9"/>
      <c r="E145" s="53"/>
      <c r="F145" s="20"/>
    </row>
    <row r="146" spans="1:6" ht="12.95" customHeight="1">
      <c r="A146" s="78"/>
      <c r="B146" s="6"/>
      <c r="C146" s="54"/>
      <c r="D146" s="7"/>
      <c r="E146" s="54"/>
      <c r="F146" s="21"/>
    </row>
    <row r="147" spans="1:6" ht="12.95" customHeight="1">
      <c r="A147" s="78"/>
      <c r="B147" s="10"/>
      <c r="C147" s="55"/>
      <c r="D147" s="11"/>
      <c r="E147" s="55"/>
      <c r="F147" s="22"/>
    </row>
    <row r="148" spans="1:6" ht="12.95" customHeight="1">
      <c r="A148" s="78"/>
      <c r="B148" s="3"/>
      <c r="C148" s="53"/>
      <c r="D148" s="9"/>
      <c r="E148" s="53"/>
      <c r="F148" s="20"/>
    </row>
    <row r="149" spans="1:6" ht="12.95" customHeight="1">
      <c r="A149" s="78"/>
      <c r="B149" s="6"/>
      <c r="C149" s="54"/>
      <c r="D149" s="7"/>
      <c r="E149" s="54"/>
      <c r="F149" s="21"/>
    </row>
    <row r="150" spans="1:6" ht="12.95" customHeight="1">
      <c r="A150" s="78"/>
      <c r="B150" s="10"/>
      <c r="C150" s="55"/>
      <c r="D150" s="11"/>
      <c r="E150" s="55"/>
      <c r="F150" s="22"/>
    </row>
    <row r="151" spans="1:6" ht="12.95" customHeight="1">
      <c r="A151" s="78"/>
      <c r="B151" s="3"/>
      <c r="C151" s="53"/>
      <c r="D151" s="9"/>
      <c r="E151" s="53"/>
      <c r="F151" s="20"/>
    </row>
    <row r="152" spans="1:6" ht="12.95" customHeight="1">
      <c r="A152" s="78"/>
      <c r="B152" s="6"/>
      <c r="C152" s="54"/>
      <c r="D152" s="7"/>
      <c r="E152" s="54"/>
      <c r="F152" s="21"/>
    </row>
    <row r="153" spans="1:6" ht="12.95" customHeight="1">
      <c r="A153" s="78"/>
      <c r="B153" s="10"/>
      <c r="C153" s="55"/>
      <c r="D153" s="11"/>
      <c r="E153" s="55"/>
      <c r="F153" s="22"/>
    </row>
    <row r="154" spans="1:6" ht="12.95" customHeight="1">
      <c r="A154" s="78"/>
      <c r="B154" s="3"/>
      <c r="C154" s="53"/>
      <c r="D154" s="9"/>
      <c r="E154" s="53"/>
      <c r="F154" s="20"/>
    </row>
    <row r="155" spans="1:6" ht="12.95" customHeight="1">
      <c r="A155" s="78"/>
      <c r="B155" s="6"/>
      <c r="C155" s="54"/>
      <c r="D155" s="7"/>
      <c r="E155" s="54"/>
      <c r="F155" s="21"/>
    </row>
    <row r="156" spans="1:6" ht="12.95" customHeight="1">
      <c r="A156" s="78"/>
      <c r="B156" s="10"/>
      <c r="C156" s="55"/>
      <c r="D156" s="11"/>
      <c r="E156" s="55"/>
      <c r="F156" s="22"/>
    </row>
    <row r="157" spans="1:6" ht="12.95" customHeight="1">
      <c r="A157" s="78"/>
      <c r="B157" s="3"/>
      <c r="C157" s="53"/>
      <c r="D157" s="9"/>
      <c r="E157" s="53"/>
      <c r="F157" s="20"/>
    </row>
    <row r="158" spans="1:6" ht="12.95" customHeight="1">
      <c r="A158" s="78"/>
      <c r="B158" s="6"/>
      <c r="C158" s="54"/>
      <c r="D158" s="7"/>
      <c r="E158" s="54"/>
      <c r="F158" s="21"/>
    </row>
    <row r="159" spans="1:6" ht="12.95" customHeight="1">
      <c r="A159" s="78"/>
      <c r="B159" s="10"/>
      <c r="C159" s="55"/>
      <c r="D159" s="11"/>
      <c r="E159" s="55"/>
      <c r="F159" s="22"/>
    </row>
    <row r="160" spans="1:6" ht="12.95" customHeight="1">
      <c r="A160" s="78"/>
      <c r="B160" s="3"/>
      <c r="C160" s="53"/>
      <c r="D160" s="9"/>
      <c r="E160" s="53"/>
      <c r="F160" s="20"/>
    </row>
    <row r="161" spans="1:6" ht="12.95" customHeight="1">
      <c r="A161" s="78"/>
      <c r="B161" s="6"/>
      <c r="C161" s="54"/>
      <c r="D161" s="7"/>
      <c r="E161" s="54"/>
      <c r="F161" s="21"/>
    </row>
    <row r="162" spans="1:6" ht="12.95" customHeight="1">
      <c r="A162" s="78"/>
      <c r="B162" s="10"/>
      <c r="C162" s="55"/>
      <c r="D162" s="11"/>
      <c r="E162" s="55"/>
      <c r="F162" s="22"/>
    </row>
    <row r="163" spans="1:6" ht="12.95" customHeight="1">
      <c r="A163" s="78"/>
      <c r="B163" s="3"/>
      <c r="C163" s="53"/>
      <c r="D163" s="9"/>
      <c r="E163" s="53"/>
      <c r="F163" s="20"/>
    </row>
    <row r="164" spans="1:6" ht="12.95" customHeight="1">
      <c r="A164" s="78"/>
      <c r="B164" s="6"/>
      <c r="C164" s="54"/>
      <c r="D164" s="7"/>
      <c r="E164" s="54"/>
      <c r="F164" s="21"/>
    </row>
    <row r="165" spans="1:6" ht="12.95" customHeight="1">
      <c r="A165" s="78"/>
      <c r="B165" s="10"/>
      <c r="C165" s="55"/>
      <c r="D165" s="11"/>
      <c r="E165" s="55"/>
      <c r="F165" s="22"/>
    </row>
    <row r="166" spans="1:6" ht="12.95" customHeight="1">
      <c r="A166" s="78"/>
      <c r="B166" s="3"/>
      <c r="C166" s="53"/>
      <c r="D166" s="9"/>
      <c r="E166" s="53"/>
      <c r="F166" s="20"/>
    </row>
    <row r="167" spans="1:6" ht="12.95" customHeight="1">
      <c r="A167" s="78"/>
      <c r="B167" s="6"/>
      <c r="C167" s="54"/>
      <c r="D167" s="7"/>
      <c r="E167" s="54"/>
      <c r="F167" s="21"/>
    </row>
    <row r="168" spans="1:6" ht="12.95" customHeight="1">
      <c r="A168" s="78"/>
      <c r="B168" s="10"/>
      <c r="C168" s="55"/>
      <c r="D168" s="13"/>
      <c r="E168" s="55"/>
      <c r="F168" s="22"/>
    </row>
    <row r="169" spans="1:6" ht="12.95" customHeight="1">
      <c r="A169" s="78"/>
      <c r="B169" s="3"/>
      <c r="C169" s="53"/>
      <c r="D169" s="9"/>
      <c r="E169" s="53"/>
      <c r="F169" s="20"/>
    </row>
    <row r="170" spans="1:6" ht="12.95" customHeight="1">
      <c r="A170" s="78"/>
      <c r="B170" s="6"/>
      <c r="C170" s="54"/>
      <c r="D170" s="7"/>
      <c r="E170" s="54"/>
      <c r="F170" s="21"/>
    </row>
    <row r="171" spans="1:6" ht="12.95" customHeight="1">
      <c r="A171" s="78"/>
      <c r="B171" s="10"/>
      <c r="C171" s="55"/>
      <c r="D171" s="11"/>
      <c r="E171" s="55"/>
      <c r="F171" s="22"/>
    </row>
    <row r="172" spans="1:6" ht="12.95" customHeight="1">
      <c r="A172" s="78"/>
      <c r="B172" s="3"/>
      <c r="C172" s="53"/>
      <c r="D172" s="9"/>
      <c r="E172" s="53"/>
      <c r="F172" s="20"/>
    </row>
    <row r="173" spans="1:6" ht="12.95" customHeight="1">
      <c r="A173" s="78"/>
      <c r="B173" s="6"/>
      <c r="C173" s="54"/>
      <c r="D173" s="7"/>
      <c r="E173" s="54"/>
      <c r="F173" s="21"/>
    </row>
    <row r="174" spans="1:6" ht="12.95" customHeight="1">
      <c r="A174" s="78"/>
      <c r="B174" s="10"/>
      <c r="C174" s="55"/>
      <c r="D174" s="11"/>
      <c r="E174" s="55"/>
      <c r="F174" s="22"/>
    </row>
    <row r="175" spans="1:6" ht="12.95" customHeight="1">
      <c r="A175" s="78"/>
      <c r="B175" s="3"/>
      <c r="C175" s="53"/>
      <c r="D175" s="9"/>
      <c r="E175" s="53"/>
      <c r="F175" s="20"/>
    </row>
    <row r="176" spans="1:6" ht="12.95" customHeight="1">
      <c r="A176" s="78"/>
      <c r="B176" s="6"/>
      <c r="C176" s="54"/>
      <c r="D176" s="7"/>
      <c r="E176" s="54"/>
      <c r="F176" s="21"/>
    </row>
    <row r="177" spans="1:6" ht="12.95" customHeight="1">
      <c r="A177" s="78"/>
      <c r="B177" s="10"/>
      <c r="C177" s="55"/>
      <c r="D177" s="11"/>
      <c r="E177" s="55"/>
      <c r="F177" s="22"/>
    </row>
    <row r="178" spans="1:6" ht="12.95" customHeight="1">
      <c r="A178" s="78"/>
      <c r="B178" s="3"/>
      <c r="C178" s="53"/>
      <c r="D178" s="4"/>
      <c r="E178" s="53"/>
      <c r="F178" s="20"/>
    </row>
    <row r="179" spans="1:6" ht="12.95" customHeight="1">
      <c r="A179" s="78"/>
      <c r="B179" s="6"/>
      <c r="C179" s="54"/>
      <c r="D179" s="7"/>
      <c r="E179" s="54"/>
      <c r="F179" s="21"/>
    </row>
    <row r="180" spans="1:6" ht="12.95" customHeight="1">
      <c r="A180" s="78"/>
      <c r="B180" s="10"/>
      <c r="C180" s="55"/>
      <c r="D180" s="11"/>
      <c r="E180" s="55"/>
      <c r="F180" s="22"/>
    </row>
    <row r="181" spans="1:6" ht="12.95" customHeight="1">
      <c r="A181" s="78"/>
      <c r="B181" s="3"/>
      <c r="C181" s="53"/>
      <c r="D181" s="9"/>
      <c r="E181" s="53"/>
      <c r="F181" s="20"/>
    </row>
    <row r="182" spans="1:6" ht="12.95" customHeight="1">
      <c r="A182" s="78"/>
      <c r="B182" s="6"/>
      <c r="C182" s="54"/>
      <c r="D182" s="7"/>
      <c r="E182" s="54"/>
      <c r="F182" s="21"/>
    </row>
    <row r="183" spans="1:6" ht="12.95" customHeight="1">
      <c r="A183" s="78"/>
      <c r="B183" s="10"/>
      <c r="C183" s="55"/>
      <c r="D183" s="11"/>
      <c r="E183" s="55"/>
      <c r="F183" s="22"/>
    </row>
    <row r="184" spans="1:6" ht="12.95" customHeight="1">
      <c r="A184" s="78"/>
      <c r="B184" s="3"/>
      <c r="C184" s="53"/>
      <c r="D184" s="9"/>
      <c r="E184" s="53"/>
      <c r="F184" s="20"/>
    </row>
    <row r="185" spans="1:6" ht="12.95" customHeight="1">
      <c r="A185" s="78"/>
      <c r="B185" s="6"/>
      <c r="C185" s="54"/>
      <c r="D185" s="7"/>
      <c r="E185" s="54"/>
      <c r="F185" s="21"/>
    </row>
    <row r="186" spans="1:6" ht="12.95" customHeight="1">
      <c r="A186" s="78"/>
      <c r="B186" s="10"/>
      <c r="C186" s="55"/>
      <c r="D186" s="11"/>
      <c r="E186" s="55"/>
      <c r="F186" s="22"/>
    </row>
    <row r="187" spans="1:6" ht="12.95" customHeight="1">
      <c r="A187" s="78"/>
      <c r="B187" s="3"/>
      <c r="C187" s="53"/>
      <c r="D187" s="9"/>
      <c r="E187" s="53"/>
      <c r="F187" s="20"/>
    </row>
    <row r="188" spans="1:6" ht="12.95" customHeight="1">
      <c r="A188" s="78"/>
      <c r="B188" s="6"/>
      <c r="C188" s="54"/>
      <c r="D188" s="14"/>
      <c r="E188" s="54"/>
      <c r="F188" s="21"/>
    </row>
    <row r="189" spans="1:6" ht="12.95" customHeight="1">
      <c r="A189" s="78"/>
      <c r="B189" s="10"/>
      <c r="C189" s="55"/>
      <c r="D189" s="11"/>
      <c r="E189" s="55"/>
      <c r="F189" s="22"/>
    </row>
    <row r="190" spans="1:6" ht="12.95" customHeight="1">
      <c r="A190" s="78"/>
      <c r="B190" s="3"/>
      <c r="C190" s="56"/>
      <c r="D190" s="15"/>
      <c r="E190" s="56"/>
      <c r="F190" s="20"/>
    </row>
    <row r="191" spans="1:6" ht="12.95" customHeight="1">
      <c r="A191" s="78"/>
      <c r="B191" s="16"/>
      <c r="C191" s="57"/>
      <c r="D191" s="17"/>
      <c r="E191" s="57"/>
      <c r="F191" s="23"/>
    </row>
    <row r="192" spans="1:6" ht="0.95" customHeight="1">
      <c r="B192" s="19"/>
      <c r="C192" s="19"/>
      <c r="D192" s="19"/>
      <c r="E192" s="19"/>
      <c r="F192" s="19"/>
    </row>
  </sheetData>
  <mergeCells count="3">
    <mergeCell ref="B2:F2"/>
    <mergeCell ref="B66:F66"/>
    <mergeCell ref="B130:F130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3" manualBreakCount="3">
    <brk id="64" max="16383" man="1"/>
    <brk id="128" max="16383" man="1"/>
    <brk id="192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G192"/>
  <sheetViews>
    <sheetView view="pageBreakPreview" topLeftCell="A175" zoomScaleNormal="115" zoomScaleSheetLayoutView="100" workbookViewId="0">
      <selection activeCell="H13" sqref="H13"/>
    </sheetView>
  </sheetViews>
  <sheetFormatPr defaultRowHeight="11.25"/>
  <cols>
    <col min="1" max="1" width="0.1640625" style="2" customWidth="1"/>
    <col min="2" max="3" width="26.83203125" style="2" customWidth="1"/>
    <col min="4" max="4" width="11.83203125" style="2" customWidth="1"/>
    <col min="5" max="5" width="5" style="2" customWidth="1"/>
    <col min="6" max="6" width="20.83203125" style="2" customWidth="1"/>
    <col min="7" max="7" width="19.6640625" style="2" customWidth="1"/>
    <col min="8" max="16384" width="9.33203125" style="2"/>
  </cols>
  <sheetData>
    <row r="1" spans="1:7" s="1" customFormat="1" ht="18" customHeight="1">
      <c r="B1" s="79" t="s">
        <v>52</v>
      </c>
      <c r="C1" s="79"/>
      <c r="D1" s="79"/>
      <c r="E1" s="79"/>
      <c r="F1" s="79"/>
      <c r="G1" s="80"/>
    </row>
    <row r="2" spans="1:7" ht="21" customHeight="1">
      <c r="A2" s="78"/>
      <c r="B2" s="207" t="s">
        <v>53</v>
      </c>
      <c r="C2" s="208"/>
      <c r="D2" s="208"/>
      <c r="E2" s="208"/>
      <c r="F2" s="208"/>
      <c r="G2" s="209"/>
    </row>
    <row r="3" spans="1:7" ht="21" customHeight="1">
      <c r="A3" s="78"/>
      <c r="B3" s="84" t="s">
        <v>54</v>
      </c>
      <c r="C3" s="85" t="s">
        <v>55</v>
      </c>
      <c r="D3" s="85" t="s">
        <v>56</v>
      </c>
      <c r="E3" s="85" t="s">
        <v>57</v>
      </c>
      <c r="F3" s="85" t="s">
        <v>58</v>
      </c>
      <c r="G3" s="86" t="s">
        <v>59</v>
      </c>
    </row>
    <row r="4" spans="1:7" ht="12.95" customHeight="1">
      <c r="A4" s="78" t="s">
        <v>7</v>
      </c>
      <c r="B4" s="97" t="s">
        <v>60</v>
      </c>
      <c r="C4" s="98" t="s">
        <v>7</v>
      </c>
      <c r="D4" s="53" t="s">
        <v>7</v>
      </c>
      <c r="E4" s="102" t="s">
        <v>7</v>
      </c>
      <c r="F4" s="68" t="s">
        <v>7</v>
      </c>
      <c r="G4" s="90"/>
    </row>
    <row r="5" spans="1:7" ht="12.95" customHeight="1">
      <c r="A5" s="78" t="s">
        <v>7</v>
      </c>
      <c r="B5" s="97" t="s">
        <v>7</v>
      </c>
      <c r="C5" s="98" t="s">
        <v>7</v>
      </c>
      <c r="D5" s="53" t="s">
        <v>61</v>
      </c>
      <c r="E5" s="102" t="s">
        <v>7</v>
      </c>
      <c r="F5" s="68"/>
      <c r="G5" s="90"/>
    </row>
    <row r="6" spans="1:7" ht="12.95" customHeight="1">
      <c r="A6" s="78" t="s">
        <v>7</v>
      </c>
      <c r="B6" s="99" t="s">
        <v>7</v>
      </c>
      <c r="C6" s="100" t="s">
        <v>7</v>
      </c>
      <c r="D6" s="54" t="s">
        <v>7</v>
      </c>
      <c r="E6" s="103" t="s">
        <v>62</v>
      </c>
      <c r="F6" s="69"/>
      <c r="G6" s="91"/>
    </row>
    <row r="7" spans="1:7" ht="12.95" customHeight="1">
      <c r="A7" s="78" t="s">
        <v>7</v>
      </c>
      <c r="B7" s="101" t="s">
        <v>63</v>
      </c>
      <c r="C7" s="98" t="s">
        <v>7</v>
      </c>
      <c r="D7" s="53" t="s">
        <v>7</v>
      </c>
      <c r="E7" s="104" t="s">
        <v>7</v>
      </c>
      <c r="F7" s="68"/>
      <c r="G7" s="90"/>
    </row>
    <row r="8" spans="1:7" ht="12.95" customHeight="1">
      <c r="A8" s="78" t="s">
        <v>7</v>
      </c>
      <c r="B8" s="97" t="s">
        <v>7</v>
      </c>
      <c r="C8" s="98" t="s">
        <v>7</v>
      </c>
      <c r="D8" s="53" t="s">
        <v>7</v>
      </c>
      <c r="E8" s="104" t="s">
        <v>7</v>
      </c>
      <c r="F8" s="68"/>
      <c r="G8" s="90"/>
    </row>
    <row r="9" spans="1:7" ht="12.95" customHeight="1">
      <c r="A9" s="78" t="s">
        <v>7</v>
      </c>
      <c r="B9" s="99" t="s">
        <v>7</v>
      </c>
      <c r="C9" s="100" t="s">
        <v>7</v>
      </c>
      <c r="D9" s="54" t="s">
        <v>7</v>
      </c>
      <c r="E9" s="103" t="s">
        <v>7</v>
      </c>
      <c r="F9" s="69"/>
      <c r="G9" s="91"/>
    </row>
    <row r="10" spans="1:7" ht="12.95" customHeight="1">
      <c r="A10" s="78" t="s">
        <v>7</v>
      </c>
      <c r="B10" s="97" t="s">
        <v>64</v>
      </c>
      <c r="C10" s="98" t="s">
        <v>65</v>
      </c>
      <c r="D10" s="53" t="s">
        <v>7</v>
      </c>
      <c r="E10" s="102" t="s">
        <v>7</v>
      </c>
      <c r="F10" s="68"/>
      <c r="G10" s="90"/>
    </row>
    <row r="11" spans="1:7" ht="12.95" customHeight="1">
      <c r="A11" s="78" t="s">
        <v>7</v>
      </c>
      <c r="B11" s="97" t="s">
        <v>7</v>
      </c>
      <c r="C11" s="98" t="s">
        <v>7</v>
      </c>
      <c r="D11" s="53" t="s">
        <v>61</v>
      </c>
      <c r="E11" s="102" t="s">
        <v>7</v>
      </c>
      <c r="F11" s="68"/>
      <c r="G11" s="90"/>
    </row>
    <row r="12" spans="1:7" ht="12.95" customHeight="1">
      <c r="A12" s="78" t="s">
        <v>7</v>
      </c>
      <c r="B12" s="99" t="s">
        <v>7</v>
      </c>
      <c r="C12" s="100" t="s">
        <v>7</v>
      </c>
      <c r="D12" s="54" t="s">
        <v>7</v>
      </c>
      <c r="E12" s="103" t="s">
        <v>62</v>
      </c>
      <c r="F12" s="69"/>
      <c r="G12" s="91"/>
    </row>
    <row r="13" spans="1:7" ht="12.95" customHeight="1">
      <c r="A13" s="78" t="s">
        <v>7</v>
      </c>
      <c r="B13" s="97" t="s">
        <v>64</v>
      </c>
      <c r="C13" s="98" t="s">
        <v>66</v>
      </c>
      <c r="D13" s="53" t="s">
        <v>7</v>
      </c>
      <c r="E13" s="102" t="s">
        <v>7</v>
      </c>
      <c r="F13" s="68"/>
      <c r="G13" s="90"/>
    </row>
    <row r="14" spans="1:7" ht="12.95" customHeight="1">
      <c r="A14" s="78" t="s">
        <v>7</v>
      </c>
      <c r="B14" s="97" t="s">
        <v>7</v>
      </c>
      <c r="C14" s="98" t="s">
        <v>7</v>
      </c>
      <c r="D14" s="53" t="s">
        <v>61</v>
      </c>
      <c r="E14" s="102" t="s">
        <v>7</v>
      </c>
      <c r="F14" s="68"/>
      <c r="G14" s="90"/>
    </row>
    <row r="15" spans="1:7" ht="12.95" customHeight="1">
      <c r="A15" s="78" t="s">
        <v>7</v>
      </c>
      <c r="B15" s="99" t="s">
        <v>7</v>
      </c>
      <c r="C15" s="100" t="s">
        <v>7</v>
      </c>
      <c r="D15" s="54" t="s">
        <v>7</v>
      </c>
      <c r="E15" s="103" t="s">
        <v>62</v>
      </c>
      <c r="F15" s="69"/>
      <c r="G15" s="91"/>
    </row>
    <row r="16" spans="1:7" ht="12.95" customHeight="1">
      <c r="A16" s="78" t="s">
        <v>7</v>
      </c>
      <c r="B16" s="101" t="s">
        <v>63</v>
      </c>
      <c r="C16" s="98" t="s">
        <v>7</v>
      </c>
      <c r="D16" s="53" t="s">
        <v>7</v>
      </c>
      <c r="E16" s="104" t="s">
        <v>7</v>
      </c>
      <c r="F16" s="68"/>
      <c r="G16" s="90"/>
    </row>
    <row r="17" spans="1:7" ht="12.95" customHeight="1">
      <c r="A17" s="78" t="s">
        <v>7</v>
      </c>
      <c r="B17" s="97" t="s">
        <v>7</v>
      </c>
      <c r="C17" s="98" t="s">
        <v>7</v>
      </c>
      <c r="D17" s="53" t="s">
        <v>7</v>
      </c>
      <c r="E17" s="104" t="s">
        <v>7</v>
      </c>
      <c r="F17" s="68"/>
      <c r="G17" s="90"/>
    </row>
    <row r="18" spans="1:7" ht="12.95" customHeight="1">
      <c r="A18" s="78" t="s">
        <v>7</v>
      </c>
      <c r="B18" s="99" t="s">
        <v>7</v>
      </c>
      <c r="C18" s="100" t="s">
        <v>7</v>
      </c>
      <c r="D18" s="54" t="s">
        <v>7</v>
      </c>
      <c r="E18" s="103" t="s">
        <v>7</v>
      </c>
      <c r="F18" s="69"/>
      <c r="G18" s="91"/>
    </row>
    <row r="19" spans="1:7" ht="12.95" customHeight="1">
      <c r="A19" s="78" t="s">
        <v>7</v>
      </c>
      <c r="B19" s="97" t="s">
        <v>67</v>
      </c>
      <c r="C19" s="98" t="s">
        <v>65</v>
      </c>
      <c r="D19" s="53" t="s">
        <v>7</v>
      </c>
      <c r="E19" s="102" t="s">
        <v>7</v>
      </c>
      <c r="F19" s="68"/>
      <c r="G19" s="90"/>
    </row>
    <row r="20" spans="1:7" ht="12.95" customHeight="1">
      <c r="A20" s="78" t="s">
        <v>7</v>
      </c>
      <c r="B20" s="97" t="s">
        <v>7</v>
      </c>
      <c r="C20" s="98" t="s">
        <v>7</v>
      </c>
      <c r="D20" s="53" t="s">
        <v>61</v>
      </c>
      <c r="E20" s="102" t="s">
        <v>7</v>
      </c>
      <c r="F20" s="68"/>
      <c r="G20" s="90"/>
    </row>
    <row r="21" spans="1:7" ht="12.95" customHeight="1">
      <c r="A21" s="78" t="s">
        <v>7</v>
      </c>
      <c r="B21" s="99" t="s">
        <v>7</v>
      </c>
      <c r="C21" s="100" t="s">
        <v>7</v>
      </c>
      <c r="D21" s="54" t="s">
        <v>7</v>
      </c>
      <c r="E21" s="103" t="s">
        <v>62</v>
      </c>
      <c r="F21" s="69"/>
      <c r="G21" s="91"/>
    </row>
    <row r="22" spans="1:7" ht="12.95" customHeight="1">
      <c r="A22" s="78" t="s">
        <v>7</v>
      </c>
      <c r="B22" s="97" t="s">
        <v>67</v>
      </c>
      <c r="C22" s="98" t="s">
        <v>66</v>
      </c>
      <c r="D22" s="53" t="s">
        <v>7</v>
      </c>
      <c r="E22" s="102" t="s">
        <v>7</v>
      </c>
      <c r="F22" s="68"/>
      <c r="G22" s="90"/>
    </row>
    <row r="23" spans="1:7" ht="12.95" customHeight="1">
      <c r="A23" s="78" t="s">
        <v>7</v>
      </c>
      <c r="B23" s="97" t="s">
        <v>7</v>
      </c>
      <c r="C23" s="98" t="s">
        <v>7</v>
      </c>
      <c r="D23" s="53" t="s">
        <v>61</v>
      </c>
      <c r="E23" s="102" t="s">
        <v>7</v>
      </c>
      <c r="F23" s="68"/>
      <c r="G23" s="90"/>
    </row>
    <row r="24" spans="1:7" ht="12.95" customHeight="1">
      <c r="A24" s="78" t="s">
        <v>7</v>
      </c>
      <c r="B24" s="99" t="s">
        <v>7</v>
      </c>
      <c r="C24" s="100" t="s">
        <v>7</v>
      </c>
      <c r="D24" s="54" t="s">
        <v>7</v>
      </c>
      <c r="E24" s="103" t="s">
        <v>62</v>
      </c>
      <c r="F24" s="69"/>
      <c r="G24" s="91"/>
    </row>
    <row r="25" spans="1:7" ht="12.95" customHeight="1">
      <c r="A25" s="78" t="s">
        <v>7</v>
      </c>
      <c r="B25" s="101" t="s">
        <v>63</v>
      </c>
      <c r="C25" s="98" t="s">
        <v>7</v>
      </c>
      <c r="D25" s="53" t="s">
        <v>7</v>
      </c>
      <c r="E25" s="104" t="s">
        <v>7</v>
      </c>
      <c r="F25" s="68"/>
      <c r="G25" s="90"/>
    </row>
    <row r="26" spans="1:7" ht="12.95" customHeight="1">
      <c r="A26" s="78" t="s">
        <v>7</v>
      </c>
      <c r="B26" s="97" t="s">
        <v>7</v>
      </c>
      <c r="C26" s="98" t="s">
        <v>7</v>
      </c>
      <c r="D26" s="53" t="s">
        <v>7</v>
      </c>
      <c r="E26" s="104" t="s">
        <v>7</v>
      </c>
      <c r="F26" s="68"/>
      <c r="G26" s="90"/>
    </row>
    <row r="27" spans="1:7" ht="12.95" customHeight="1">
      <c r="A27" s="78" t="s">
        <v>7</v>
      </c>
      <c r="B27" s="99" t="s">
        <v>7</v>
      </c>
      <c r="C27" s="100" t="s">
        <v>7</v>
      </c>
      <c r="D27" s="54" t="s">
        <v>7</v>
      </c>
      <c r="E27" s="103" t="s">
        <v>7</v>
      </c>
      <c r="F27" s="69"/>
      <c r="G27" s="91"/>
    </row>
    <row r="28" spans="1:7" ht="12.95" customHeight="1">
      <c r="A28" s="78" t="s">
        <v>7</v>
      </c>
      <c r="B28" s="97" t="s">
        <v>68</v>
      </c>
      <c r="C28" s="98" t="s">
        <v>65</v>
      </c>
      <c r="D28" s="53" t="s">
        <v>7</v>
      </c>
      <c r="E28" s="102" t="s">
        <v>7</v>
      </c>
      <c r="F28" s="68"/>
      <c r="G28" s="90"/>
    </row>
    <row r="29" spans="1:7" ht="12.95" customHeight="1">
      <c r="A29" s="78" t="s">
        <v>7</v>
      </c>
      <c r="B29" s="97" t="s">
        <v>7</v>
      </c>
      <c r="C29" s="98" t="s">
        <v>7</v>
      </c>
      <c r="D29" s="53" t="s">
        <v>61</v>
      </c>
      <c r="E29" s="102" t="s">
        <v>7</v>
      </c>
      <c r="F29" s="68"/>
      <c r="G29" s="90"/>
    </row>
    <row r="30" spans="1:7" ht="12.95" customHeight="1">
      <c r="A30" s="78" t="s">
        <v>7</v>
      </c>
      <c r="B30" s="99" t="s">
        <v>7</v>
      </c>
      <c r="C30" s="100" t="s">
        <v>7</v>
      </c>
      <c r="D30" s="54" t="s">
        <v>7</v>
      </c>
      <c r="E30" s="103" t="s">
        <v>62</v>
      </c>
      <c r="F30" s="69"/>
      <c r="G30" s="91"/>
    </row>
    <row r="31" spans="1:7" ht="12.95" customHeight="1">
      <c r="A31" s="78" t="s">
        <v>7</v>
      </c>
      <c r="B31" s="97" t="s">
        <v>68</v>
      </c>
      <c r="C31" s="98" t="s">
        <v>66</v>
      </c>
      <c r="D31" s="53" t="s">
        <v>7</v>
      </c>
      <c r="E31" s="102" t="s">
        <v>7</v>
      </c>
      <c r="F31" s="68"/>
      <c r="G31" s="90"/>
    </row>
    <row r="32" spans="1:7" ht="12.95" customHeight="1">
      <c r="A32" s="78" t="s">
        <v>7</v>
      </c>
      <c r="B32" s="97" t="s">
        <v>7</v>
      </c>
      <c r="C32" s="98" t="s">
        <v>7</v>
      </c>
      <c r="D32" s="53" t="s">
        <v>61</v>
      </c>
      <c r="E32" s="102" t="s">
        <v>7</v>
      </c>
      <c r="F32" s="68"/>
      <c r="G32" s="90"/>
    </row>
    <row r="33" spans="1:7" ht="12.95" customHeight="1">
      <c r="A33" s="78" t="s">
        <v>7</v>
      </c>
      <c r="B33" s="99" t="s">
        <v>7</v>
      </c>
      <c r="C33" s="100" t="s">
        <v>7</v>
      </c>
      <c r="D33" s="54" t="s">
        <v>7</v>
      </c>
      <c r="E33" s="103" t="s">
        <v>62</v>
      </c>
      <c r="F33" s="69"/>
      <c r="G33" s="91"/>
    </row>
    <row r="34" spans="1:7" ht="12.95" customHeight="1">
      <c r="A34" s="78" t="s">
        <v>7</v>
      </c>
      <c r="B34" s="101" t="s">
        <v>63</v>
      </c>
      <c r="C34" s="98" t="s">
        <v>7</v>
      </c>
      <c r="D34" s="53" t="s">
        <v>7</v>
      </c>
      <c r="E34" s="104" t="s">
        <v>7</v>
      </c>
      <c r="F34" s="68"/>
      <c r="G34" s="90"/>
    </row>
    <row r="35" spans="1:7" ht="12.95" customHeight="1">
      <c r="A35" s="78" t="s">
        <v>7</v>
      </c>
      <c r="B35" s="97" t="s">
        <v>7</v>
      </c>
      <c r="C35" s="98" t="s">
        <v>7</v>
      </c>
      <c r="D35" s="53" t="s">
        <v>7</v>
      </c>
      <c r="E35" s="104" t="s">
        <v>7</v>
      </c>
      <c r="F35" s="68"/>
      <c r="G35" s="90"/>
    </row>
    <row r="36" spans="1:7" ht="12.95" customHeight="1">
      <c r="A36" s="78" t="s">
        <v>7</v>
      </c>
      <c r="B36" s="99" t="s">
        <v>7</v>
      </c>
      <c r="C36" s="100" t="s">
        <v>7</v>
      </c>
      <c r="D36" s="54" t="s">
        <v>7</v>
      </c>
      <c r="E36" s="103" t="s">
        <v>7</v>
      </c>
      <c r="F36" s="69"/>
      <c r="G36" s="91"/>
    </row>
    <row r="37" spans="1:7" ht="12.95" customHeight="1">
      <c r="A37" s="78" t="s">
        <v>7</v>
      </c>
      <c r="B37" s="97" t="s">
        <v>69</v>
      </c>
      <c r="C37" s="98" t="s">
        <v>66</v>
      </c>
      <c r="D37" s="53" t="s">
        <v>7</v>
      </c>
      <c r="E37" s="102" t="s">
        <v>7</v>
      </c>
      <c r="F37" s="68"/>
      <c r="G37" s="90"/>
    </row>
    <row r="38" spans="1:7" ht="12.95" customHeight="1">
      <c r="A38" s="78" t="s">
        <v>7</v>
      </c>
      <c r="B38" s="97" t="s">
        <v>7</v>
      </c>
      <c r="C38" s="98" t="s">
        <v>7</v>
      </c>
      <c r="D38" s="53" t="s">
        <v>61</v>
      </c>
      <c r="E38" s="102" t="s">
        <v>7</v>
      </c>
      <c r="F38" s="68"/>
      <c r="G38" s="90"/>
    </row>
    <row r="39" spans="1:7" ht="12.95" customHeight="1">
      <c r="A39" s="78" t="s">
        <v>7</v>
      </c>
      <c r="B39" s="99" t="s">
        <v>7</v>
      </c>
      <c r="C39" s="100" t="s">
        <v>7</v>
      </c>
      <c r="D39" s="54" t="s">
        <v>7</v>
      </c>
      <c r="E39" s="103" t="s">
        <v>62</v>
      </c>
      <c r="F39" s="69" t="s">
        <v>7</v>
      </c>
      <c r="G39" s="91"/>
    </row>
    <row r="40" spans="1:7" ht="12.95" customHeight="1">
      <c r="A40" s="78" t="s">
        <v>7</v>
      </c>
      <c r="B40" s="101" t="s">
        <v>63</v>
      </c>
      <c r="C40" s="98" t="s">
        <v>7</v>
      </c>
      <c r="D40" s="53" t="s">
        <v>7</v>
      </c>
      <c r="E40" s="104" t="s">
        <v>7</v>
      </c>
      <c r="F40" s="68" t="s">
        <v>7</v>
      </c>
      <c r="G40" s="90"/>
    </row>
    <row r="41" spans="1:7" ht="12.95" customHeight="1">
      <c r="A41" s="78" t="s">
        <v>7</v>
      </c>
      <c r="B41" s="97" t="s">
        <v>7</v>
      </c>
      <c r="C41" s="98" t="s">
        <v>7</v>
      </c>
      <c r="D41" s="53" t="s">
        <v>7</v>
      </c>
      <c r="E41" s="104" t="s">
        <v>7</v>
      </c>
      <c r="F41" s="68"/>
      <c r="G41" s="90"/>
    </row>
    <row r="42" spans="1:7" ht="12.95" customHeight="1">
      <c r="A42" s="78" t="s">
        <v>7</v>
      </c>
      <c r="B42" s="99" t="s">
        <v>7</v>
      </c>
      <c r="C42" s="100" t="s">
        <v>7</v>
      </c>
      <c r="D42" s="54" t="s">
        <v>7</v>
      </c>
      <c r="E42" s="103" t="s">
        <v>7</v>
      </c>
      <c r="F42" s="69"/>
      <c r="G42" s="91"/>
    </row>
    <row r="43" spans="1:7" ht="12.95" customHeight="1">
      <c r="A43" s="78" t="s">
        <v>7</v>
      </c>
      <c r="B43" s="97" t="s">
        <v>70</v>
      </c>
      <c r="C43" s="98" t="s">
        <v>66</v>
      </c>
      <c r="D43" s="53" t="s">
        <v>7</v>
      </c>
      <c r="E43" s="102" t="s">
        <v>7</v>
      </c>
      <c r="F43" s="68"/>
      <c r="G43" s="90"/>
    </row>
    <row r="44" spans="1:7" ht="12.95" customHeight="1">
      <c r="A44" s="78" t="s">
        <v>7</v>
      </c>
      <c r="B44" s="97" t="s">
        <v>7</v>
      </c>
      <c r="C44" s="98" t="s">
        <v>7</v>
      </c>
      <c r="D44" s="53" t="s">
        <v>61</v>
      </c>
      <c r="E44" s="102" t="s">
        <v>7</v>
      </c>
      <c r="F44" s="68"/>
      <c r="G44" s="90"/>
    </row>
    <row r="45" spans="1:7" ht="12.95" customHeight="1">
      <c r="A45" s="78" t="s">
        <v>7</v>
      </c>
      <c r="B45" s="99" t="s">
        <v>7</v>
      </c>
      <c r="C45" s="100" t="s">
        <v>7</v>
      </c>
      <c r="D45" s="54" t="s">
        <v>7</v>
      </c>
      <c r="E45" s="103" t="s">
        <v>62</v>
      </c>
      <c r="F45" s="69"/>
      <c r="G45" s="91"/>
    </row>
    <row r="46" spans="1:7" ht="12.95" customHeight="1">
      <c r="A46" s="78" t="s">
        <v>7</v>
      </c>
      <c r="B46" s="101" t="s">
        <v>63</v>
      </c>
      <c r="C46" s="98" t="s">
        <v>7</v>
      </c>
      <c r="D46" s="53" t="s">
        <v>7</v>
      </c>
      <c r="E46" s="104" t="s">
        <v>7</v>
      </c>
      <c r="F46" s="68"/>
      <c r="G46" s="90"/>
    </row>
    <row r="47" spans="1:7" ht="12.95" customHeight="1">
      <c r="A47" s="78" t="s">
        <v>7</v>
      </c>
      <c r="B47" s="97" t="s">
        <v>7</v>
      </c>
      <c r="C47" s="98" t="s">
        <v>7</v>
      </c>
      <c r="D47" s="53" t="s">
        <v>7</v>
      </c>
      <c r="E47" s="104" t="s">
        <v>7</v>
      </c>
      <c r="F47" s="68"/>
      <c r="G47" s="90" t="s">
        <v>7</v>
      </c>
    </row>
    <row r="48" spans="1:7" ht="12.95" customHeight="1">
      <c r="A48" s="78" t="s">
        <v>7</v>
      </c>
      <c r="B48" s="99" t="s">
        <v>7</v>
      </c>
      <c r="C48" s="100" t="s">
        <v>7</v>
      </c>
      <c r="D48" s="54" t="s">
        <v>7</v>
      </c>
      <c r="E48" s="103" t="s">
        <v>7</v>
      </c>
      <c r="F48" s="69"/>
      <c r="G48" s="91" t="s">
        <v>7</v>
      </c>
    </row>
    <row r="49" spans="1:7" ht="12.95" customHeight="1">
      <c r="A49" s="78"/>
      <c r="B49" s="31"/>
      <c r="C49" s="32"/>
      <c r="D49" s="55"/>
      <c r="E49" s="33"/>
      <c r="F49" s="70"/>
      <c r="G49" s="12"/>
    </row>
    <row r="50" spans="1:7" ht="12.95" customHeight="1">
      <c r="A50" s="78"/>
      <c r="B50" s="24"/>
      <c r="C50" s="25"/>
      <c r="D50" s="53"/>
      <c r="E50" s="26"/>
      <c r="F50" s="68"/>
      <c r="G50" s="5"/>
    </row>
    <row r="51" spans="1:7" ht="12.95" customHeight="1">
      <c r="A51" s="78"/>
      <c r="B51" s="27"/>
      <c r="C51" s="28"/>
      <c r="D51" s="54"/>
      <c r="E51" s="29"/>
      <c r="F51" s="69"/>
      <c r="G51" s="8"/>
    </row>
    <row r="52" spans="1:7" ht="12.95" customHeight="1">
      <c r="A52" s="78"/>
      <c r="B52" s="31"/>
      <c r="C52" s="32"/>
      <c r="D52" s="55"/>
      <c r="E52" s="33"/>
      <c r="F52" s="70"/>
      <c r="G52" s="12"/>
    </row>
    <row r="53" spans="1:7" ht="12.95" customHeight="1">
      <c r="A53" s="78"/>
      <c r="B53" s="24"/>
      <c r="C53" s="25"/>
      <c r="D53" s="53"/>
      <c r="E53" s="30"/>
      <c r="F53" s="68"/>
      <c r="G53" s="5"/>
    </row>
    <row r="54" spans="1:7" ht="12.95" customHeight="1">
      <c r="A54" s="78"/>
      <c r="B54" s="27"/>
      <c r="C54" s="28"/>
      <c r="D54" s="54"/>
      <c r="E54" s="29"/>
      <c r="F54" s="69"/>
      <c r="G54" s="8"/>
    </row>
    <row r="55" spans="1:7" ht="12.95" customHeight="1">
      <c r="A55" s="78"/>
      <c r="B55" s="31"/>
      <c r="C55" s="32"/>
      <c r="D55" s="55"/>
      <c r="E55" s="33"/>
      <c r="F55" s="70"/>
      <c r="G55" s="12"/>
    </row>
    <row r="56" spans="1:7" ht="12.95" customHeight="1">
      <c r="A56" s="78"/>
      <c r="B56" s="24"/>
      <c r="C56" s="25"/>
      <c r="D56" s="53"/>
      <c r="E56" s="30"/>
      <c r="F56" s="68"/>
      <c r="G56" s="5"/>
    </row>
    <row r="57" spans="1:7" ht="12.95" customHeight="1">
      <c r="A57" s="78"/>
      <c r="B57" s="27"/>
      <c r="C57" s="28"/>
      <c r="D57" s="54"/>
      <c r="E57" s="29"/>
      <c r="F57" s="69"/>
      <c r="G57" s="8"/>
    </row>
    <row r="58" spans="1:7" ht="12.95" customHeight="1">
      <c r="A58" s="78"/>
      <c r="B58" s="31"/>
      <c r="C58" s="32"/>
      <c r="D58" s="55"/>
      <c r="E58" s="33"/>
      <c r="F58" s="70"/>
      <c r="G58" s="12"/>
    </row>
    <row r="59" spans="1:7" ht="12.95" customHeight="1">
      <c r="A59" s="78"/>
      <c r="B59" s="24"/>
      <c r="C59" s="25"/>
      <c r="D59" s="53"/>
      <c r="E59" s="30"/>
      <c r="F59" s="68"/>
      <c r="G59" s="5"/>
    </row>
    <row r="60" spans="1:7" ht="12.95" customHeight="1">
      <c r="A60" s="78"/>
      <c r="B60" s="27"/>
      <c r="C60" s="28"/>
      <c r="D60" s="54"/>
      <c r="E60" s="35"/>
      <c r="F60" s="69"/>
      <c r="G60" s="8"/>
    </row>
    <row r="61" spans="1:7" ht="12.95" customHeight="1">
      <c r="A61" s="78"/>
      <c r="B61" s="31"/>
      <c r="C61" s="32"/>
      <c r="D61" s="55"/>
      <c r="E61" s="33"/>
      <c r="F61" s="70"/>
      <c r="G61" s="12"/>
    </row>
    <row r="62" spans="1:7" ht="12.95" customHeight="1">
      <c r="A62" s="78"/>
      <c r="B62" s="24"/>
      <c r="C62" s="25"/>
      <c r="D62" s="56"/>
      <c r="E62" s="36"/>
      <c r="F62" s="71"/>
      <c r="G62" s="5"/>
    </row>
    <row r="63" spans="1:7" ht="12.95" customHeight="1">
      <c r="A63" s="78"/>
      <c r="B63" s="37"/>
      <c r="C63" s="38"/>
      <c r="D63" s="57"/>
      <c r="E63" s="39"/>
      <c r="F63" s="72"/>
      <c r="G63" s="18"/>
    </row>
    <row r="64" spans="1:7" ht="0.95" customHeight="1">
      <c r="B64" s="19"/>
      <c r="C64" s="19"/>
      <c r="D64" s="19"/>
      <c r="E64" s="19"/>
      <c r="F64" s="19"/>
      <c r="G64" s="19"/>
    </row>
    <row r="65" spans="1:7" s="1" customFormat="1" ht="18" customHeight="1">
      <c r="B65" s="79" t="s">
        <v>71</v>
      </c>
      <c r="C65" s="79"/>
      <c r="D65" s="79"/>
      <c r="E65" s="79"/>
      <c r="F65" s="79"/>
      <c r="G65" s="80"/>
    </row>
    <row r="66" spans="1:7" ht="21" customHeight="1">
      <c r="A66" s="78"/>
      <c r="B66" s="207" t="s">
        <v>72</v>
      </c>
      <c r="C66" s="208"/>
      <c r="D66" s="208"/>
      <c r="E66" s="208"/>
      <c r="F66" s="208"/>
      <c r="G66" s="209"/>
    </row>
    <row r="67" spans="1:7" ht="21" customHeight="1">
      <c r="A67" s="78"/>
      <c r="B67" s="84" t="s">
        <v>73</v>
      </c>
      <c r="C67" s="85" t="s">
        <v>74</v>
      </c>
      <c r="D67" s="85" t="s">
        <v>75</v>
      </c>
      <c r="E67" s="85" t="s">
        <v>76</v>
      </c>
      <c r="F67" s="85" t="s">
        <v>77</v>
      </c>
      <c r="G67" s="86" t="s">
        <v>59</v>
      </c>
    </row>
    <row r="68" spans="1:7" ht="12.95" customHeight="1">
      <c r="A68" s="78" t="s">
        <v>7</v>
      </c>
      <c r="B68" s="97" t="s">
        <v>78</v>
      </c>
      <c r="C68" s="98" t="s">
        <v>7</v>
      </c>
      <c r="D68" s="53" t="s">
        <v>7</v>
      </c>
      <c r="E68" s="102" t="s">
        <v>7</v>
      </c>
      <c r="F68" s="68" t="s">
        <v>7</v>
      </c>
      <c r="G68" s="90"/>
    </row>
    <row r="69" spans="1:7" ht="12.95" customHeight="1">
      <c r="A69" s="78" t="s">
        <v>7</v>
      </c>
      <c r="B69" s="97" t="s">
        <v>7</v>
      </c>
      <c r="C69" s="98" t="s">
        <v>7</v>
      </c>
      <c r="D69" s="53" t="s">
        <v>61</v>
      </c>
      <c r="E69" s="102" t="s">
        <v>7</v>
      </c>
      <c r="F69" s="68"/>
      <c r="G69" s="90"/>
    </row>
    <row r="70" spans="1:7" ht="12.95" customHeight="1">
      <c r="A70" s="78" t="s">
        <v>7</v>
      </c>
      <c r="B70" s="99" t="s">
        <v>7</v>
      </c>
      <c r="C70" s="100" t="s">
        <v>7</v>
      </c>
      <c r="D70" s="54" t="s">
        <v>7</v>
      </c>
      <c r="E70" s="103" t="s">
        <v>62</v>
      </c>
      <c r="F70" s="69"/>
      <c r="G70" s="91"/>
    </row>
    <row r="71" spans="1:7" ht="12.95" customHeight="1">
      <c r="A71" s="78" t="s">
        <v>7</v>
      </c>
      <c r="B71" s="101" t="s">
        <v>63</v>
      </c>
      <c r="C71" s="98" t="s">
        <v>7</v>
      </c>
      <c r="D71" s="53" t="s">
        <v>7</v>
      </c>
      <c r="E71" s="104" t="s">
        <v>7</v>
      </c>
      <c r="F71" s="68"/>
      <c r="G71" s="90"/>
    </row>
    <row r="72" spans="1:7" ht="12.95" customHeight="1">
      <c r="A72" s="78" t="s">
        <v>7</v>
      </c>
      <c r="B72" s="97" t="s">
        <v>7</v>
      </c>
      <c r="C72" s="98" t="s">
        <v>7</v>
      </c>
      <c r="D72" s="53" t="s">
        <v>7</v>
      </c>
      <c r="E72" s="104" t="s">
        <v>7</v>
      </c>
      <c r="F72" s="68"/>
      <c r="G72" s="90"/>
    </row>
    <row r="73" spans="1:7" ht="12.95" customHeight="1">
      <c r="A73" s="78" t="s">
        <v>7</v>
      </c>
      <c r="B73" s="99" t="s">
        <v>7</v>
      </c>
      <c r="C73" s="100" t="s">
        <v>7</v>
      </c>
      <c r="D73" s="54" t="s">
        <v>7</v>
      </c>
      <c r="E73" s="103" t="s">
        <v>7</v>
      </c>
      <c r="F73" s="69"/>
      <c r="G73" s="91"/>
    </row>
    <row r="74" spans="1:7" ht="12.95" customHeight="1">
      <c r="A74" s="78" t="s">
        <v>7</v>
      </c>
      <c r="B74" s="97" t="s">
        <v>79</v>
      </c>
      <c r="C74" s="98" t="s">
        <v>65</v>
      </c>
      <c r="D74" s="53" t="s">
        <v>7</v>
      </c>
      <c r="E74" s="102" t="s">
        <v>7</v>
      </c>
      <c r="F74" s="68"/>
      <c r="G74" s="90"/>
    </row>
    <row r="75" spans="1:7" ht="12.95" customHeight="1">
      <c r="A75" s="78" t="s">
        <v>7</v>
      </c>
      <c r="B75" s="97" t="s">
        <v>7</v>
      </c>
      <c r="C75" s="98" t="s">
        <v>7</v>
      </c>
      <c r="D75" s="53" t="s">
        <v>61</v>
      </c>
      <c r="E75" s="102" t="s">
        <v>7</v>
      </c>
      <c r="F75" s="68"/>
      <c r="G75" s="90"/>
    </row>
    <row r="76" spans="1:7" ht="12.95" customHeight="1">
      <c r="A76" s="78" t="s">
        <v>7</v>
      </c>
      <c r="B76" s="99" t="s">
        <v>7</v>
      </c>
      <c r="C76" s="100" t="s">
        <v>7</v>
      </c>
      <c r="D76" s="54" t="s">
        <v>7</v>
      </c>
      <c r="E76" s="103" t="s">
        <v>62</v>
      </c>
      <c r="F76" s="69"/>
      <c r="G76" s="91"/>
    </row>
    <row r="77" spans="1:7" ht="12.95" customHeight="1">
      <c r="A77" s="78" t="s">
        <v>7</v>
      </c>
      <c r="B77" s="97" t="s">
        <v>79</v>
      </c>
      <c r="C77" s="98" t="s">
        <v>66</v>
      </c>
      <c r="D77" s="53" t="s">
        <v>7</v>
      </c>
      <c r="E77" s="102" t="s">
        <v>7</v>
      </c>
      <c r="F77" s="68"/>
      <c r="G77" s="90"/>
    </row>
    <row r="78" spans="1:7" ht="12.95" customHeight="1">
      <c r="A78" s="78" t="s">
        <v>7</v>
      </c>
      <c r="B78" s="97" t="s">
        <v>7</v>
      </c>
      <c r="C78" s="98" t="s">
        <v>7</v>
      </c>
      <c r="D78" s="53" t="s">
        <v>61</v>
      </c>
      <c r="E78" s="102" t="s">
        <v>7</v>
      </c>
      <c r="F78" s="68"/>
      <c r="G78" s="90"/>
    </row>
    <row r="79" spans="1:7" ht="12.95" customHeight="1">
      <c r="A79" s="78" t="s">
        <v>7</v>
      </c>
      <c r="B79" s="99" t="s">
        <v>7</v>
      </c>
      <c r="C79" s="100" t="s">
        <v>7</v>
      </c>
      <c r="D79" s="54" t="s">
        <v>7</v>
      </c>
      <c r="E79" s="103" t="s">
        <v>62</v>
      </c>
      <c r="F79" s="69"/>
      <c r="G79" s="91"/>
    </row>
    <row r="80" spans="1:7" ht="12.95" customHeight="1">
      <c r="A80" s="78" t="s">
        <v>7</v>
      </c>
      <c r="B80" s="101" t="s">
        <v>63</v>
      </c>
      <c r="C80" s="98" t="s">
        <v>7</v>
      </c>
      <c r="D80" s="53" t="s">
        <v>7</v>
      </c>
      <c r="E80" s="104" t="s">
        <v>7</v>
      </c>
      <c r="F80" s="68"/>
      <c r="G80" s="90"/>
    </row>
    <row r="81" spans="1:7" ht="12.95" customHeight="1">
      <c r="A81" s="78" t="s">
        <v>7</v>
      </c>
      <c r="B81" s="97" t="s">
        <v>7</v>
      </c>
      <c r="C81" s="98" t="s">
        <v>7</v>
      </c>
      <c r="D81" s="53" t="s">
        <v>7</v>
      </c>
      <c r="E81" s="104" t="s">
        <v>7</v>
      </c>
      <c r="F81" s="68"/>
      <c r="G81" s="90"/>
    </row>
    <row r="82" spans="1:7" ht="12.95" customHeight="1">
      <c r="A82" s="78" t="s">
        <v>7</v>
      </c>
      <c r="B82" s="99" t="s">
        <v>7</v>
      </c>
      <c r="C82" s="100" t="s">
        <v>7</v>
      </c>
      <c r="D82" s="54" t="s">
        <v>7</v>
      </c>
      <c r="E82" s="103" t="s">
        <v>7</v>
      </c>
      <c r="F82" s="69" t="s">
        <v>7</v>
      </c>
      <c r="G82" s="91"/>
    </row>
    <row r="83" spans="1:7" ht="12.95" customHeight="1">
      <c r="A83" s="78" t="s">
        <v>7</v>
      </c>
      <c r="B83" s="97" t="s">
        <v>80</v>
      </c>
      <c r="C83" s="98" t="s">
        <v>66</v>
      </c>
      <c r="D83" s="53" t="s">
        <v>7</v>
      </c>
      <c r="E83" s="102" t="s">
        <v>7</v>
      </c>
      <c r="F83" s="68"/>
      <c r="G83" s="90"/>
    </row>
    <row r="84" spans="1:7" ht="12.95" customHeight="1">
      <c r="A84" s="78" t="s">
        <v>7</v>
      </c>
      <c r="B84" s="97" t="s">
        <v>7</v>
      </c>
      <c r="C84" s="98" t="s">
        <v>7</v>
      </c>
      <c r="D84" s="53" t="s">
        <v>61</v>
      </c>
      <c r="E84" s="102" t="s">
        <v>7</v>
      </c>
      <c r="F84" s="68"/>
      <c r="G84" s="90"/>
    </row>
    <row r="85" spans="1:7" ht="12.95" customHeight="1">
      <c r="A85" s="78" t="s">
        <v>7</v>
      </c>
      <c r="B85" s="99" t="s">
        <v>7</v>
      </c>
      <c r="C85" s="100" t="s">
        <v>7</v>
      </c>
      <c r="D85" s="54" t="s">
        <v>7</v>
      </c>
      <c r="E85" s="103" t="s">
        <v>62</v>
      </c>
      <c r="F85" s="69"/>
      <c r="G85" s="91" t="s">
        <v>7</v>
      </c>
    </row>
    <row r="86" spans="1:7" ht="12.95" customHeight="1">
      <c r="A86" s="78" t="s">
        <v>7</v>
      </c>
      <c r="B86" s="101" t="s">
        <v>63</v>
      </c>
      <c r="C86" s="98" t="s">
        <v>7</v>
      </c>
      <c r="D86" s="53" t="s">
        <v>7</v>
      </c>
      <c r="E86" s="104" t="s">
        <v>7</v>
      </c>
      <c r="F86" s="68"/>
      <c r="G86" s="90" t="s">
        <v>7</v>
      </c>
    </row>
    <row r="87" spans="1:7" ht="12.95" customHeight="1">
      <c r="A87" s="78" t="s">
        <v>7</v>
      </c>
      <c r="B87" s="97" t="s">
        <v>7</v>
      </c>
      <c r="C87" s="98" t="s">
        <v>7</v>
      </c>
      <c r="D87" s="53" t="s">
        <v>7</v>
      </c>
      <c r="E87" s="104" t="s">
        <v>7</v>
      </c>
      <c r="F87" s="68"/>
      <c r="G87" s="90" t="s">
        <v>7</v>
      </c>
    </row>
    <row r="88" spans="1:7" ht="12.95" customHeight="1">
      <c r="A88" s="78" t="s">
        <v>7</v>
      </c>
      <c r="B88" s="99" t="s">
        <v>7</v>
      </c>
      <c r="C88" s="100" t="s">
        <v>7</v>
      </c>
      <c r="D88" s="54" t="s">
        <v>7</v>
      </c>
      <c r="E88" s="103" t="s">
        <v>7</v>
      </c>
      <c r="F88" s="69"/>
      <c r="G88" s="91" t="s">
        <v>7</v>
      </c>
    </row>
    <row r="89" spans="1:7" ht="12.95" customHeight="1">
      <c r="A89" s="78"/>
      <c r="B89" s="31"/>
      <c r="C89" s="32"/>
      <c r="D89" s="55"/>
      <c r="E89" s="33"/>
      <c r="F89" s="70"/>
      <c r="G89" s="12"/>
    </row>
    <row r="90" spans="1:7" ht="12.95" customHeight="1">
      <c r="A90" s="78"/>
      <c r="B90" s="24"/>
      <c r="C90" s="25"/>
      <c r="D90" s="53"/>
      <c r="E90" s="30"/>
      <c r="F90" s="68"/>
      <c r="G90" s="5"/>
    </row>
    <row r="91" spans="1:7" ht="12.95" customHeight="1">
      <c r="A91" s="78"/>
      <c r="B91" s="27"/>
      <c r="C91" s="28"/>
      <c r="D91" s="54"/>
      <c r="E91" s="29"/>
      <c r="F91" s="69"/>
      <c r="G91" s="8"/>
    </row>
    <row r="92" spans="1:7" ht="12.95" customHeight="1">
      <c r="A92" s="78"/>
      <c r="B92" s="31"/>
      <c r="C92" s="32"/>
      <c r="D92" s="55"/>
      <c r="E92" s="33"/>
      <c r="F92" s="70"/>
      <c r="G92" s="12"/>
    </row>
    <row r="93" spans="1:7" ht="12.95" customHeight="1">
      <c r="A93" s="78"/>
      <c r="B93" s="24"/>
      <c r="C93" s="25"/>
      <c r="D93" s="53"/>
      <c r="E93" s="30"/>
      <c r="F93" s="68"/>
      <c r="G93" s="5"/>
    </row>
    <row r="94" spans="1:7" ht="12.95" customHeight="1">
      <c r="A94" s="78"/>
      <c r="B94" s="27"/>
      <c r="C94" s="28"/>
      <c r="D94" s="54"/>
      <c r="E94" s="29"/>
      <c r="F94" s="69"/>
      <c r="G94" s="8"/>
    </row>
    <row r="95" spans="1:7" ht="12.95" customHeight="1">
      <c r="A95" s="78"/>
      <c r="B95" s="31"/>
      <c r="C95" s="32"/>
      <c r="D95" s="55"/>
      <c r="E95" s="33"/>
      <c r="F95" s="70"/>
      <c r="G95" s="12"/>
    </row>
    <row r="96" spans="1:7" ht="12.95" customHeight="1">
      <c r="A96" s="78"/>
      <c r="B96" s="24"/>
      <c r="C96" s="25"/>
      <c r="D96" s="53"/>
      <c r="E96" s="30"/>
      <c r="F96" s="68"/>
      <c r="G96" s="5"/>
    </row>
    <row r="97" spans="1:7" ht="12.95" customHeight="1">
      <c r="A97" s="78"/>
      <c r="B97" s="27"/>
      <c r="C97" s="28"/>
      <c r="D97" s="54"/>
      <c r="E97" s="29"/>
      <c r="F97" s="69"/>
      <c r="G97" s="8"/>
    </row>
    <row r="98" spans="1:7" ht="12.95" customHeight="1">
      <c r="A98" s="78"/>
      <c r="B98" s="31"/>
      <c r="C98" s="32"/>
      <c r="D98" s="55"/>
      <c r="E98" s="33"/>
      <c r="F98" s="70"/>
      <c r="G98" s="12"/>
    </row>
    <row r="99" spans="1:7" ht="12.95" customHeight="1">
      <c r="A99" s="78"/>
      <c r="B99" s="24"/>
      <c r="C99" s="25"/>
      <c r="D99" s="53"/>
      <c r="E99" s="30"/>
      <c r="F99" s="68"/>
      <c r="G99" s="5"/>
    </row>
    <row r="100" spans="1:7" ht="12.95" customHeight="1">
      <c r="A100" s="78"/>
      <c r="B100" s="27"/>
      <c r="C100" s="28"/>
      <c r="D100" s="54"/>
      <c r="E100" s="29"/>
      <c r="F100" s="69"/>
      <c r="G100" s="8"/>
    </row>
    <row r="101" spans="1:7" ht="12.95" customHeight="1">
      <c r="A101" s="78"/>
      <c r="B101" s="31"/>
      <c r="C101" s="32"/>
      <c r="D101" s="55"/>
      <c r="E101" s="33"/>
      <c r="F101" s="70"/>
      <c r="G101" s="12"/>
    </row>
    <row r="102" spans="1:7" ht="12.95" customHeight="1">
      <c r="A102" s="78"/>
      <c r="B102" s="24"/>
      <c r="C102" s="25"/>
      <c r="D102" s="53"/>
      <c r="E102" s="30"/>
      <c r="F102" s="68"/>
      <c r="G102" s="5"/>
    </row>
    <row r="103" spans="1:7" ht="12.95" customHeight="1">
      <c r="A103" s="78"/>
      <c r="B103" s="27"/>
      <c r="C103" s="28"/>
      <c r="D103" s="54"/>
      <c r="E103" s="29"/>
      <c r="F103" s="69"/>
      <c r="G103" s="8"/>
    </row>
    <row r="104" spans="1:7" ht="12.95" customHeight="1">
      <c r="A104" s="78"/>
      <c r="B104" s="31"/>
      <c r="C104" s="32"/>
      <c r="D104" s="55"/>
      <c r="E104" s="34"/>
      <c r="F104" s="70"/>
      <c r="G104" s="12"/>
    </row>
    <row r="105" spans="1:7" ht="12.95" customHeight="1">
      <c r="A105" s="78"/>
      <c r="B105" s="24"/>
      <c r="C105" s="25"/>
      <c r="D105" s="53"/>
      <c r="E105" s="30"/>
      <c r="F105" s="68"/>
      <c r="G105" s="5"/>
    </row>
    <row r="106" spans="1:7" ht="12.95" customHeight="1">
      <c r="A106" s="78"/>
      <c r="B106" s="27"/>
      <c r="C106" s="28"/>
      <c r="D106" s="54"/>
      <c r="E106" s="29"/>
      <c r="F106" s="69"/>
      <c r="G106" s="8"/>
    </row>
    <row r="107" spans="1:7" ht="12.95" customHeight="1">
      <c r="A107" s="78"/>
      <c r="B107" s="31"/>
      <c r="C107" s="32"/>
      <c r="D107" s="55"/>
      <c r="E107" s="33"/>
      <c r="F107" s="70"/>
      <c r="G107" s="12"/>
    </row>
    <row r="108" spans="1:7" ht="12.95" customHeight="1">
      <c r="A108" s="78"/>
      <c r="B108" s="24"/>
      <c r="C108" s="25"/>
      <c r="D108" s="53"/>
      <c r="E108" s="30"/>
      <c r="F108" s="68"/>
      <c r="G108" s="5"/>
    </row>
    <row r="109" spans="1:7" ht="12.95" customHeight="1">
      <c r="A109" s="78"/>
      <c r="B109" s="27"/>
      <c r="C109" s="28"/>
      <c r="D109" s="54"/>
      <c r="E109" s="29"/>
      <c r="F109" s="69"/>
      <c r="G109" s="8"/>
    </row>
    <row r="110" spans="1:7" ht="12.95" customHeight="1">
      <c r="A110" s="78"/>
      <c r="B110" s="31"/>
      <c r="C110" s="32"/>
      <c r="D110" s="55"/>
      <c r="E110" s="33"/>
      <c r="F110" s="70"/>
      <c r="G110" s="12"/>
    </row>
    <row r="111" spans="1:7" ht="12.95" customHeight="1">
      <c r="A111" s="78"/>
      <c r="B111" s="24"/>
      <c r="C111" s="25"/>
      <c r="D111" s="53"/>
      <c r="E111" s="30"/>
      <c r="F111" s="68"/>
      <c r="G111" s="5"/>
    </row>
    <row r="112" spans="1:7" ht="12.95" customHeight="1">
      <c r="A112" s="78"/>
      <c r="B112" s="27"/>
      <c r="C112" s="28"/>
      <c r="D112" s="54"/>
      <c r="E112" s="29"/>
      <c r="F112" s="69"/>
      <c r="G112" s="8"/>
    </row>
    <row r="113" spans="1:7" ht="12.95" customHeight="1">
      <c r="A113" s="78"/>
      <c r="B113" s="31"/>
      <c r="C113" s="32"/>
      <c r="D113" s="55"/>
      <c r="E113" s="33"/>
      <c r="F113" s="70"/>
      <c r="G113" s="12"/>
    </row>
    <row r="114" spans="1:7" ht="12.95" customHeight="1">
      <c r="A114" s="78"/>
      <c r="B114" s="24"/>
      <c r="C114" s="25"/>
      <c r="D114" s="53"/>
      <c r="E114" s="26"/>
      <c r="F114" s="68"/>
      <c r="G114" s="5"/>
    </row>
    <row r="115" spans="1:7" ht="12.95" customHeight="1">
      <c r="A115" s="78"/>
      <c r="B115" s="27"/>
      <c r="C115" s="28"/>
      <c r="D115" s="54"/>
      <c r="E115" s="29"/>
      <c r="F115" s="69"/>
      <c r="G115" s="8"/>
    </row>
    <row r="116" spans="1:7" ht="12.95" customHeight="1">
      <c r="A116" s="78"/>
      <c r="B116" s="31"/>
      <c r="C116" s="32"/>
      <c r="D116" s="55"/>
      <c r="E116" s="33"/>
      <c r="F116" s="70"/>
      <c r="G116" s="12"/>
    </row>
    <row r="117" spans="1:7" ht="12.95" customHeight="1">
      <c r="A117" s="78"/>
      <c r="B117" s="24"/>
      <c r="C117" s="25"/>
      <c r="D117" s="53"/>
      <c r="E117" s="30"/>
      <c r="F117" s="68"/>
      <c r="G117" s="5"/>
    </row>
    <row r="118" spans="1:7" ht="12.95" customHeight="1">
      <c r="A118" s="78"/>
      <c r="B118" s="27"/>
      <c r="C118" s="28"/>
      <c r="D118" s="54"/>
      <c r="E118" s="29"/>
      <c r="F118" s="69"/>
      <c r="G118" s="8"/>
    </row>
    <row r="119" spans="1:7" ht="12.95" customHeight="1">
      <c r="A119" s="78"/>
      <c r="B119" s="31"/>
      <c r="C119" s="32"/>
      <c r="D119" s="55"/>
      <c r="E119" s="33"/>
      <c r="F119" s="70"/>
      <c r="G119" s="12"/>
    </row>
    <row r="120" spans="1:7" ht="12.95" customHeight="1">
      <c r="A120" s="78"/>
      <c r="B120" s="24"/>
      <c r="C120" s="25"/>
      <c r="D120" s="53"/>
      <c r="E120" s="30"/>
      <c r="F120" s="68"/>
      <c r="G120" s="5"/>
    </row>
    <row r="121" spans="1:7" ht="12.95" customHeight="1">
      <c r="A121" s="78"/>
      <c r="B121" s="27"/>
      <c r="C121" s="28"/>
      <c r="D121" s="54"/>
      <c r="E121" s="29"/>
      <c r="F121" s="69"/>
      <c r="G121" s="8"/>
    </row>
    <row r="122" spans="1:7" ht="12.95" customHeight="1">
      <c r="A122" s="78"/>
      <c r="B122" s="31"/>
      <c r="C122" s="32"/>
      <c r="D122" s="55"/>
      <c r="E122" s="33"/>
      <c r="F122" s="70"/>
      <c r="G122" s="12"/>
    </row>
    <row r="123" spans="1:7" ht="12.95" customHeight="1">
      <c r="A123" s="78"/>
      <c r="B123" s="24"/>
      <c r="C123" s="25"/>
      <c r="D123" s="53"/>
      <c r="E123" s="30"/>
      <c r="F123" s="68"/>
      <c r="G123" s="5"/>
    </row>
    <row r="124" spans="1:7" ht="12.95" customHeight="1">
      <c r="A124" s="78"/>
      <c r="B124" s="27"/>
      <c r="C124" s="28"/>
      <c r="D124" s="54"/>
      <c r="E124" s="35"/>
      <c r="F124" s="69"/>
      <c r="G124" s="8"/>
    </row>
    <row r="125" spans="1:7" ht="12.95" customHeight="1">
      <c r="A125" s="78"/>
      <c r="B125" s="31"/>
      <c r="C125" s="32"/>
      <c r="D125" s="55"/>
      <c r="E125" s="33"/>
      <c r="F125" s="70"/>
      <c r="G125" s="12"/>
    </row>
    <row r="126" spans="1:7" ht="12.95" customHeight="1">
      <c r="A126" s="78"/>
      <c r="B126" s="24"/>
      <c r="C126" s="25"/>
      <c r="D126" s="56"/>
      <c r="E126" s="36"/>
      <c r="F126" s="71"/>
      <c r="G126" s="5"/>
    </row>
    <row r="127" spans="1:7" ht="12.95" customHeight="1">
      <c r="A127" s="78"/>
      <c r="B127" s="37"/>
      <c r="C127" s="38"/>
      <c r="D127" s="57"/>
      <c r="E127" s="39"/>
      <c r="F127" s="72"/>
      <c r="G127" s="18"/>
    </row>
    <row r="128" spans="1:7" ht="0.95" customHeight="1">
      <c r="B128" s="19"/>
      <c r="C128" s="19"/>
      <c r="D128" s="19"/>
      <c r="E128" s="19"/>
      <c r="F128" s="19"/>
      <c r="G128" s="19"/>
    </row>
    <row r="129" spans="1:7" s="1" customFormat="1" ht="18" customHeight="1">
      <c r="B129" s="79" t="s">
        <v>81</v>
      </c>
      <c r="C129" s="79"/>
      <c r="D129" s="79"/>
      <c r="E129" s="79"/>
      <c r="F129" s="79"/>
      <c r="G129" s="80"/>
    </row>
    <row r="130" spans="1:7" ht="21" customHeight="1">
      <c r="A130" s="78"/>
      <c r="B130" s="207" t="s">
        <v>82</v>
      </c>
      <c r="C130" s="208"/>
      <c r="D130" s="208"/>
      <c r="E130" s="208"/>
      <c r="F130" s="208"/>
      <c r="G130" s="209"/>
    </row>
    <row r="131" spans="1:7" ht="21" customHeight="1">
      <c r="A131" s="78"/>
      <c r="B131" s="84" t="s">
        <v>73</v>
      </c>
      <c r="C131" s="85" t="s">
        <v>74</v>
      </c>
      <c r="D131" s="85" t="s">
        <v>75</v>
      </c>
      <c r="E131" s="85" t="s">
        <v>76</v>
      </c>
      <c r="F131" s="85" t="s">
        <v>77</v>
      </c>
      <c r="G131" s="86" t="s">
        <v>59</v>
      </c>
    </row>
    <row r="132" spans="1:7" ht="12.95" customHeight="1">
      <c r="A132" s="78" t="s">
        <v>7</v>
      </c>
      <c r="B132" s="97" t="s">
        <v>82</v>
      </c>
      <c r="C132" s="98" t="s">
        <v>83</v>
      </c>
      <c r="D132" s="53" t="s">
        <v>7</v>
      </c>
      <c r="E132" s="102" t="s">
        <v>7</v>
      </c>
      <c r="F132" s="68" t="s">
        <v>7</v>
      </c>
      <c r="G132" s="90"/>
    </row>
    <row r="133" spans="1:7" ht="12.95" customHeight="1">
      <c r="A133" s="78" t="s">
        <v>7</v>
      </c>
      <c r="B133" s="97" t="s">
        <v>7</v>
      </c>
      <c r="C133" s="98" t="s">
        <v>7</v>
      </c>
      <c r="D133" s="53" t="s">
        <v>61</v>
      </c>
      <c r="E133" s="102" t="s">
        <v>7</v>
      </c>
      <c r="F133" s="68"/>
      <c r="G133" s="90"/>
    </row>
    <row r="134" spans="1:7" ht="12.95" customHeight="1">
      <c r="A134" s="78" t="s">
        <v>7</v>
      </c>
      <c r="B134" s="99" t="s">
        <v>7</v>
      </c>
      <c r="C134" s="100" t="s">
        <v>7</v>
      </c>
      <c r="D134" s="54" t="s">
        <v>7</v>
      </c>
      <c r="E134" s="103" t="s">
        <v>62</v>
      </c>
      <c r="F134" s="69"/>
      <c r="G134" s="91"/>
    </row>
    <row r="135" spans="1:7" ht="12.95" customHeight="1">
      <c r="A135" s="78" t="s">
        <v>7</v>
      </c>
      <c r="B135" s="97" t="s">
        <v>82</v>
      </c>
      <c r="C135" s="98" t="s">
        <v>84</v>
      </c>
      <c r="D135" s="53" t="s">
        <v>7</v>
      </c>
      <c r="E135" s="102" t="s">
        <v>7</v>
      </c>
      <c r="F135" s="68"/>
      <c r="G135" s="90"/>
    </row>
    <row r="136" spans="1:7" ht="12.95" customHeight="1">
      <c r="A136" s="78" t="s">
        <v>7</v>
      </c>
      <c r="B136" s="97" t="s">
        <v>7</v>
      </c>
      <c r="C136" s="98" t="s">
        <v>7</v>
      </c>
      <c r="D136" s="53" t="s">
        <v>61</v>
      </c>
      <c r="E136" s="102" t="s">
        <v>7</v>
      </c>
      <c r="F136" s="68"/>
      <c r="G136" s="90"/>
    </row>
    <row r="137" spans="1:7" ht="12.95" customHeight="1">
      <c r="A137" s="78" t="s">
        <v>7</v>
      </c>
      <c r="B137" s="99" t="s">
        <v>7</v>
      </c>
      <c r="C137" s="100" t="s">
        <v>7</v>
      </c>
      <c r="D137" s="54" t="s">
        <v>7</v>
      </c>
      <c r="E137" s="103" t="s">
        <v>62</v>
      </c>
      <c r="F137" s="69"/>
      <c r="G137" s="91"/>
    </row>
    <row r="138" spans="1:7" ht="12.95" customHeight="1">
      <c r="A138" s="78" t="s">
        <v>7</v>
      </c>
      <c r="B138" s="101" t="s">
        <v>63</v>
      </c>
      <c r="C138" s="98" t="s">
        <v>7</v>
      </c>
      <c r="D138" s="53" t="s">
        <v>7</v>
      </c>
      <c r="E138" s="104" t="s">
        <v>7</v>
      </c>
      <c r="F138" s="68"/>
      <c r="G138" s="90" t="s">
        <v>7</v>
      </c>
    </row>
    <row r="139" spans="1:7" ht="12.95" customHeight="1">
      <c r="A139" s="78" t="s">
        <v>7</v>
      </c>
      <c r="B139" s="97" t="s">
        <v>7</v>
      </c>
      <c r="C139" s="98" t="s">
        <v>7</v>
      </c>
      <c r="D139" s="53" t="s">
        <v>7</v>
      </c>
      <c r="E139" s="104" t="s">
        <v>7</v>
      </c>
      <c r="F139" s="68"/>
      <c r="G139" s="90" t="s">
        <v>7</v>
      </c>
    </row>
    <row r="140" spans="1:7" ht="12.95" customHeight="1">
      <c r="A140" s="78" t="s">
        <v>7</v>
      </c>
      <c r="B140" s="99" t="s">
        <v>7</v>
      </c>
      <c r="C140" s="100" t="s">
        <v>7</v>
      </c>
      <c r="D140" s="54" t="s">
        <v>7</v>
      </c>
      <c r="E140" s="103" t="s">
        <v>7</v>
      </c>
      <c r="F140" s="69"/>
      <c r="G140" s="91" t="s">
        <v>7</v>
      </c>
    </row>
    <row r="141" spans="1:7" ht="12.95" customHeight="1">
      <c r="A141" s="78"/>
      <c r="B141" s="31"/>
      <c r="C141" s="32"/>
      <c r="D141" s="55"/>
      <c r="E141" s="33"/>
      <c r="F141" s="70"/>
      <c r="G141" s="12"/>
    </row>
    <row r="142" spans="1:7" ht="12.95" customHeight="1">
      <c r="A142" s="78"/>
      <c r="B142" s="24"/>
      <c r="C142" s="25"/>
      <c r="D142" s="53"/>
      <c r="E142" s="30"/>
      <c r="F142" s="68"/>
      <c r="G142" s="5"/>
    </row>
    <row r="143" spans="1:7" ht="12.95" customHeight="1">
      <c r="A143" s="78"/>
      <c r="B143" s="27"/>
      <c r="C143" s="28"/>
      <c r="D143" s="54"/>
      <c r="E143" s="29"/>
      <c r="F143" s="69"/>
      <c r="G143" s="8"/>
    </row>
    <row r="144" spans="1:7" ht="12.95" customHeight="1">
      <c r="A144" s="78"/>
      <c r="B144" s="31"/>
      <c r="C144" s="32"/>
      <c r="D144" s="55"/>
      <c r="E144" s="33"/>
      <c r="F144" s="70"/>
      <c r="G144" s="12"/>
    </row>
    <row r="145" spans="1:7" ht="12.95" customHeight="1">
      <c r="A145" s="78"/>
      <c r="B145" s="24"/>
      <c r="C145" s="25"/>
      <c r="D145" s="53"/>
      <c r="E145" s="30"/>
      <c r="F145" s="68"/>
      <c r="G145" s="5"/>
    </row>
    <row r="146" spans="1:7" ht="12.95" customHeight="1">
      <c r="A146" s="78"/>
      <c r="B146" s="27"/>
      <c r="C146" s="28"/>
      <c r="D146" s="54"/>
      <c r="E146" s="29"/>
      <c r="F146" s="69"/>
      <c r="G146" s="8"/>
    </row>
    <row r="147" spans="1:7" ht="12.95" customHeight="1">
      <c r="A147" s="78"/>
      <c r="B147" s="31"/>
      <c r="C147" s="32"/>
      <c r="D147" s="55"/>
      <c r="E147" s="33"/>
      <c r="F147" s="70"/>
      <c r="G147" s="12"/>
    </row>
    <row r="148" spans="1:7" ht="12.95" customHeight="1">
      <c r="A148" s="78"/>
      <c r="B148" s="24"/>
      <c r="C148" s="25"/>
      <c r="D148" s="53"/>
      <c r="E148" s="30"/>
      <c r="F148" s="68"/>
      <c r="G148" s="5"/>
    </row>
    <row r="149" spans="1:7" ht="12.95" customHeight="1">
      <c r="A149" s="78"/>
      <c r="B149" s="27"/>
      <c r="C149" s="28"/>
      <c r="D149" s="54"/>
      <c r="E149" s="29"/>
      <c r="F149" s="69"/>
      <c r="G149" s="8"/>
    </row>
    <row r="150" spans="1:7" ht="12.95" customHeight="1">
      <c r="A150" s="78"/>
      <c r="B150" s="31"/>
      <c r="C150" s="32"/>
      <c r="D150" s="55"/>
      <c r="E150" s="33"/>
      <c r="F150" s="70"/>
      <c r="G150" s="12"/>
    </row>
    <row r="151" spans="1:7" ht="12.95" customHeight="1">
      <c r="A151" s="78"/>
      <c r="B151" s="24"/>
      <c r="C151" s="25"/>
      <c r="D151" s="53"/>
      <c r="E151" s="30"/>
      <c r="F151" s="68"/>
      <c r="G151" s="5"/>
    </row>
    <row r="152" spans="1:7" ht="12.95" customHeight="1">
      <c r="A152" s="78"/>
      <c r="B152" s="27"/>
      <c r="C152" s="28"/>
      <c r="D152" s="54"/>
      <c r="E152" s="29"/>
      <c r="F152" s="69"/>
      <c r="G152" s="8"/>
    </row>
    <row r="153" spans="1:7" ht="12.95" customHeight="1">
      <c r="A153" s="78"/>
      <c r="B153" s="31"/>
      <c r="C153" s="32"/>
      <c r="D153" s="55"/>
      <c r="E153" s="33"/>
      <c r="F153" s="70"/>
      <c r="G153" s="12"/>
    </row>
    <row r="154" spans="1:7" ht="12.95" customHeight="1">
      <c r="A154" s="78"/>
      <c r="B154" s="24"/>
      <c r="C154" s="25"/>
      <c r="D154" s="53"/>
      <c r="E154" s="30"/>
      <c r="F154" s="68"/>
      <c r="G154" s="5"/>
    </row>
    <row r="155" spans="1:7" ht="12.95" customHeight="1">
      <c r="A155" s="78"/>
      <c r="B155" s="27"/>
      <c r="C155" s="28"/>
      <c r="D155" s="54"/>
      <c r="E155" s="29"/>
      <c r="F155" s="69"/>
      <c r="G155" s="8"/>
    </row>
    <row r="156" spans="1:7" ht="12.95" customHeight="1">
      <c r="A156" s="78"/>
      <c r="B156" s="31"/>
      <c r="C156" s="32"/>
      <c r="D156" s="55"/>
      <c r="E156" s="33"/>
      <c r="F156" s="70"/>
      <c r="G156" s="12"/>
    </row>
    <row r="157" spans="1:7" ht="12.95" customHeight="1">
      <c r="A157" s="78"/>
      <c r="B157" s="24"/>
      <c r="C157" s="25"/>
      <c r="D157" s="53"/>
      <c r="E157" s="30"/>
      <c r="F157" s="68"/>
      <c r="G157" s="5"/>
    </row>
    <row r="158" spans="1:7" ht="12.95" customHeight="1">
      <c r="A158" s="78"/>
      <c r="B158" s="27"/>
      <c r="C158" s="28"/>
      <c r="D158" s="54"/>
      <c r="E158" s="29"/>
      <c r="F158" s="69"/>
      <c r="G158" s="8"/>
    </row>
    <row r="159" spans="1:7" ht="12.95" customHeight="1">
      <c r="A159" s="78"/>
      <c r="B159" s="31"/>
      <c r="C159" s="32"/>
      <c r="D159" s="55"/>
      <c r="E159" s="33"/>
      <c r="F159" s="70"/>
      <c r="G159" s="12"/>
    </row>
    <row r="160" spans="1:7" ht="12.95" customHeight="1">
      <c r="A160" s="78"/>
      <c r="B160" s="24"/>
      <c r="C160" s="25"/>
      <c r="D160" s="53"/>
      <c r="E160" s="30"/>
      <c r="F160" s="68"/>
      <c r="G160" s="5"/>
    </row>
    <row r="161" spans="1:7" ht="12.95" customHeight="1">
      <c r="A161" s="78"/>
      <c r="B161" s="27"/>
      <c r="C161" s="28"/>
      <c r="D161" s="54"/>
      <c r="E161" s="29"/>
      <c r="F161" s="69"/>
      <c r="G161" s="8"/>
    </row>
    <row r="162" spans="1:7" ht="12.95" customHeight="1">
      <c r="A162" s="78"/>
      <c r="B162" s="31"/>
      <c r="C162" s="32"/>
      <c r="D162" s="55"/>
      <c r="E162" s="33"/>
      <c r="F162" s="70"/>
      <c r="G162" s="12"/>
    </row>
    <row r="163" spans="1:7" ht="12.95" customHeight="1">
      <c r="A163" s="78"/>
      <c r="B163" s="24"/>
      <c r="C163" s="25"/>
      <c r="D163" s="53"/>
      <c r="E163" s="30"/>
      <c r="F163" s="68"/>
      <c r="G163" s="5"/>
    </row>
    <row r="164" spans="1:7" ht="12.95" customHeight="1">
      <c r="A164" s="78"/>
      <c r="B164" s="27"/>
      <c r="C164" s="28"/>
      <c r="D164" s="54"/>
      <c r="E164" s="29"/>
      <c r="F164" s="69"/>
      <c r="G164" s="8"/>
    </row>
    <row r="165" spans="1:7" ht="12.95" customHeight="1">
      <c r="A165" s="78"/>
      <c r="B165" s="31"/>
      <c r="C165" s="32"/>
      <c r="D165" s="55"/>
      <c r="E165" s="33"/>
      <c r="F165" s="70"/>
      <c r="G165" s="12"/>
    </row>
    <row r="166" spans="1:7" ht="12.95" customHeight="1">
      <c r="A166" s="78"/>
      <c r="B166" s="24"/>
      <c r="C166" s="25"/>
      <c r="D166" s="53"/>
      <c r="E166" s="30"/>
      <c r="F166" s="68"/>
      <c r="G166" s="5"/>
    </row>
    <row r="167" spans="1:7" ht="12.95" customHeight="1">
      <c r="A167" s="78"/>
      <c r="B167" s="27"/>
      <c r="C167" s="28"/>
      <c r="D167" s="54"/>
      <c r="E167" s="29"/>
      <c r="F167" s="69"/>
      <c r="G167" s="8"/>
    </row>
    <row r="168" spans="1:7" ht="12.95" customHeight="1">
      <c r="A168" s="78"/>
      <c r="B168" s="31"/>
      <c r="C168" s="32"/>
      <c r="D168" s="55"/>
      <c r="E168" s="34"/>
      <c r="F168" s="70"/>
      <c r="G168" s="12"/>
    </row>
    <row r="169" spans="1:7" ht="12.95" customHeight="1">
      <c r="A169" s="78"/>
      <c r="B169" s="24"/>
      <c r="C169" s="25"/>
      <c r="D169" s="53"/>
      <c r="E169" s="30"/>
      <c r="F169" s="68"/>
      <c r="G169" s="5"/>
    </row>
    <row r="170" spans="1:7" ht="12.95" customHeight="1">
      <c r="A170" s="78"/>
      <c r="B170" s="27"/>
      <c r="C170" s="28"/>
      <c r="D170" s="54"/>
      <c r="E170" s="29"/>
      <c r="F170" s="69"/>
      <c r="G170" s="8"/>
    </row>
    <row r="171" spans="1:7" ht="12.95" customHeight="1">
      <c r="A171" s="78"/>
      <c r="B171" s="31"/>
      <c r="C171" s="32"/>
      <c r="D171" s="55"/>
      <c r="E171" s="33"/>
      <c r="F171" s="70"/>
      <c r="G171" s="12"/>
    </row>
    <row r="172" spans="1:7" ht="12.95" customHeight="1">
      <c r="A172" s="78"/>
      <c r="B172" s="24"/>
      <c r="C172" s="25"/>
      <c r="D172" s="53"/>
      <c r="E172" s="30"/>
      <c r="F172" s="68"/>
      <c r="G172" s="5"/>
    </row>
    <row r="173" spans="1:7" ht="12.95" customHeight="1">
      <c r="A173" s="78"/>
      <c r="B173" s="27"/>
      <c r="C173" s="28"/>
      <c r="D173" s="54"/>
      <c r="E173" s="29"/>
      <c r="F173" s="69"/>
      <c r="G173" s="8"/>
    </row>
    <row r="174" spans="1:7" ht="12.95" customHeight="1">
      <c r="A174" s="78"/>
      <c r="B174" s="31"/>
      <c r="C174" s="32"/>
      <c r="D174" s="55"/>
      <c r="E174" s="33"/>
      <c r="F174" s="70"/>
      <c r="G174" s="12"/>
    </row>
    <row r="175" spans="1:7" ht="12.95" customHeight="1">
      <c r="A175" s="78"/>
      <c r="B175" s="24"/>
      <c r="C175" s="25"/>
      <c r="D175" s="53"/>
      <c r="E175" s="30"/>
      <c r="F175" s="68"/>
      <c r="G175" s="5"/>
    </row>
    <row r="176" spans="1:7" ht="12.95" customHeight="1">
      <c r="A176" s="78"/>
      <c r="B176" s="27"/>
      <c r="C176" s="28"/>
      <c r="D176" s="54"/>
      <c r="E176" s="29"/>
      <c r="F176" s="69"/>
      <c r="G176" s="8"/>
    </row>
    <row r="177" spans="1:7" ht="12.95" customHeight="1">
      <c r="A177" s="78"/>
      <c r="B177" s="31"/>
      <c r="C177" s="32"/>
      <c r="D177" s="55"/>
      <c r="E177" s="33"/>
      <c r="F177" s="70"/>
      <c r="G177" s="12"/>
    </row>
    <row r="178" spans="1:7" ht="12.95" customHeight="1">
      <c r="A178" s="78"/>
      <c r="B178" s="24"/>
      <c r="C178" s="25"/>
      <c r="D178" s="53"/>
      <c r="E178" s="26"/>
      <c r="F178" s="68"/>
      <c r="G178" s="5"/>
    </row>
    <row r="179" spans="1:7" ht="12.95" customHeight="1">
      <c r="A179" s="78"/>
      <c r="B179" s="27"/>
      <c r="C179" s="28"/>
      <c r="D179" s="54"/>
      <c r="E179" s="29"/>
      <c r="F179" s="69"/>
      <c r="G179" s="8"/>
    </row>
    <row r="180" spans="1:7" ht="12.95" customHeight="1">
      <c r="A180" s="78"/>
      <c r="B180" s="31"/>
      <c r="C180" s="32"/>
      <c r="D180" s="55"/>
      <c r="E180" s="33"/>
      <c r="F180" s="70"/>
      <c r="G180" s="12"/>
    </row>
    <row r="181" spans="1:7" ht="12.95" customHeight="1">
      <c r="A181" s="78"/>
      <c r="B181" s="24"/>
      <c r="C181" s="25"/>
      <c r="D181" s="53"/>
      <c r="E181" s="30"/>
      <c r="F181" s="68"/>
      <c r="G181" s="5"/>
    </row>
    <row r="182" spans="1:7" ht="12.95" customHeight="1">
      <c r="A182" s="78"/>
      <c r="B182" s="27"/>
      <c r="C182" s="28"/>
      <c r="D182" s="54"/>
      <c r="E182" s="29"/>
      <c r="F182" s="69"/>
      <c r="G182" s="8"/>
    </row>
    <row r="183" spans="1:7" ht="12.95" customHeight="1">
      <c r="A183" s="78"/>
      <c r="B183" s="31"/>
      <c r="C183" s="32"/>
      <c r="D183" s="55"/>
      <c r="E183" s="33"/>
      <c r="F183" s="70"/>
      <c r="G183" s="12"/>
    </row>
    <row r="184" spans="1:7" ht="12.95" customHeight="1">
      <c r="A184" s="78"/>
      <c r="B184" s="24"/>
      <c r="C184" s="25"/>
      <c r="D184" s="53"/>
      <c r="E184" s="30"/>
      <c r="F184" s="68"/>
      <c r="G184" s="5"/>
    </row>
    <row r="185" spans="1:7" ht="12.95" customHeight="1">
      <c r="A185" s="78"/>
      <c r="B185" s="27"/>
      <c r="C185" s="28"/>
      <c r="D185" s="54"/>
      <c r="E185" s="29"/>
      <c r="F185" s="69"/>
      <c r="G185" s="8"/>
    </row>
    <row r="186" spans="1:7" ht="12.95" customHeight="1">
      <c r="A186" s="78"/>
      <c r="B186" s="31"/>
      <c r="C186" s="32"/>
      <c r="D186" s="55"/>
      <c r="E186" s="33"/>
      <c r="F186" s="70"/>
      <c r="G186" s="12"/>
    </row>
    <row r="187" spans="1:7" ht="12.95" customHeight="1">
      <c r="A187" s="78"/>
      <c r="B187" s="24"/>
      <c r="C187" s="25"/>
      <c r="D187" s="53"/>
      <c r="E187" s="30"/>
      <c r="F187" s="68"/>
      <c r="G187" s="5"/>
    </row>
    <row r="188" spans="1:7" ht="12.95" customHeight="1">
      <c r="A188" s="78"/>
      <c r="B188" s="27"/>
      <c r="C188" s="28"/>
      <c r="D188" s="54"/>
      <c r="E188" s="35"/>
      <c r="F188" s="69"/>
      <c r="G188" s="8"/>
    </row>
    <row r="189" spans="1:7" ht="12.95" customHeight="1">
      <c r="A189" s="78"/>
      <c r="B189" s="31"/>
      <c r="C189" s="32"/>
      <c r="D189" s="55"/>
      <c r="E189" s="33"/>
      <c r="F189" s="70"/>
      <c r="G189" s="12"/>
    </row>
    <row r="190" spans="1:7" ht="12.95" customHeight="1">
      <c r="A190" s="78"/>
      <c r="B190" s="24"/>
      <c r="C190" s="25"/>
      <c r="D190" s="56"/>
      <c r="E190" s="36"/>
      <c r="F190" s="71"/>
      <c r="G190" s="5"/>
    </row>
    <row r="191" spans="1:7" ht="12.95" customHeight="1">
      <c r="A191" s="78"/>
      <c r="B191" s="37"/>
      <c r="C191" s="38"/>
      <c r="D191" s="57"/>
      <c r="E191" s="39"/>
      <c r="F191" s="72"/>
      <c r="G191" s="18"/>
    </row>
    <row r="192" spans="1:7" ht="0.95" customHeight="1">
      <c r="B192" s="19"/>
      <c r="C192" s="19"/>
      <c r="D192" s="19"/>
      <c r="E192" s="19"/>
      <c r="F192" s="19"/>
      <c r="G192" s="19"/>
    </row>
  </sheetData>
  <mergeCells count="3">
    <mergeCell ref="B2:G2"/>
    <mergeCell ref="B66:G66"/>
    <mergeCell ref="B130:G130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3" manualBreakCount="3">
    <brk id="64" max="16383" man="1"/>
    <brk id="128" max="16383" man="1"/>
    <brk id="192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H1152"/>
  <sheetViews>
    <sheetView view="pageBreakPreview" topLeftCell="A1141" zoomScaleNormal="115" zoomScaleSheetLayoutView="100" workbookViewId="0">
      <selection activeCell="H13" sqref="H13"/>
    </sheetView>
  </sheetViews>
  <sheetFormatPr defaultRowHeight="11.25"/>
  <cols>
    <col min="1" max="1" width="0.1640625" style="2" customWidth="1"/>
    <col min="2" max="2" width="14.83203125" style="2" customWidth="1"/>
    <col min="3" max="3" width="23.83203125" style="2" customWidth="1"/>
    <col min="4" max="4" width="15.83203125" style="2" customWidth="1"/>
    <col min="5" max="5" width="5" style="2" customWidth="1"/>
    <col min="6" max="6" width="13.6640625" style="2" customWidth="1"/>
    <col min="7" max="7" width="17.6640625" style="2" customWidth="1"/>
    <col min="8" max="8" width="19.6640625" style="2" customWidth="1"/>
    <col min="9" max="16384" width="9.33203125" style="2"/>
  </cols>
  <sheetData>
    <row r="1" spans="1:8" s="1" customFormat="1" ht="18" customHeight="1">
      <c r="B1" s="79" t="s">
        <v>85</v>
      </c>
      <c r="C1" s="79"/>
      <c r="D1" s="79"/>
      <c r="E1" s="79"/>
      <c r="F1" s="79"/>
      <c r="G1" s="79"/>
      <c r="H1" s="80"/>
    </row>
    <row r="2" spans="1:8" ht="21" customHeight="1">
      <c r="A2" s="78"/>
      <c r="B2" s="207" t="s">
        <v>86</v>
      </c>
      <c r="C2" s="208"/>
      <c r="D2" s="208" t="s">
        <v>60</v>
      </c>
      <c r="E2" s="208"/>
      <c r="F2" s="208"/>
      <c r="G2" s="208"/>
      <c r="H2" s="209"/>
    </row>
    <row r="3" spans="1:8" ht="21" customHeight="1">
      <c r="A3" s="78"/>
      <c r="B3" s="105" t="s">
        <v>87</v>
      </c>
      <c r="C3" s="106" t="s">
        <v>88</v>
      </c>
      <c r="D3" s="106" t="s">
        <v>75</v>
      </c>
      <c r="E3" s="106" t="s">
        <v>76</v>
      </c>
      <c r="F3" s="106" t="s">
        <v>89</v>
      </c>
      <c r="G3" s="106" t="s">
        <v>77</v>
      </c>
      <c r="H3" s="107" t="s">
        <v>59</v>
      </c>
    </row>
    <row r="4" spans="1:8" ht="12.95" customHeight="1">
      <c r="A4" s="78" t="s">
        <v>7</v>
      </c>
      <c r="B4" s="108" t="s">
        <v>90</v>
      </c>
      <c r="C4" s="98" t="s">
        <v>7</v>
      </c>
      <c r="D4" s="52" t="s">
        <v>7</v>
      </c>
      <c r="E4" s="113" t="s">
        <v>7</v>
      </c>
      <c r="F4" s="124" t="s">
        <v>7</v>
      </c>
      <c r="G4" s="53" t="s">
        <v>7</v>
      </c>
      <c r="H4" s="90"/>
    </row>
    <row r="5" spans="1:8" ht="12.95" customHeight="1">
      <c r="A5" s="78" t="s">
        <v>7</v>
      </c>
      <c r="B5" s="108" t="s">
        <v>7</v>
      </c>
      <c r="C5" s="98" t="s">
        <v>7</v>
      </c>
      <c r="D5" s="52" t="s">
        <v>61</v>
      </c>
      <c r="E5" s="113" t="s">
        <v>7</v>
      </c>
      <c r="F5" s="52" t="s">
        <v>7</v>
      </c>
      <c r="G5" s="53"/>
      <c r="H5" s="90"/>
    </row>
    <row r="6" spans="1:8" ht="12.95" customHeight="1">
      <c r="A6" s="78" t="s">
        <v>7</v>
      </c>
      <c r="B6" s="109" t="s">
        <v>7</v>
      </c>
      <c r="C6" s="100" t="s">
        <v>7</v>
      </c>
      <c r="D6" s="60" t="s">
        <v>7</v>
      </c>
      <c r="E6" s="112" t="s">
        <v>62</v>
      </c>
      <c r="F6" s="126" t="s">
        <v>7</v>
      </c>
      <c r="G6" s="54"/>
      <c r="H6" s="91"/>
    </row>
    <row r="7" spans="1:8" ht="12.95" customHeight="1">
      <c r="A7" s="78" t="s">
        <v>7</v>
      </c>
      <c r="B7" s="108" t="s">
        <v>91</v>
      </c>
      <c r="C7" s="98" t="s">
        <v>7</v>
      </c>
      <c r="D7" s="52" t="s">
        <v>7</v>
      </c>
      <c r="E7" s="113" t="s">
        <v>7</v>
      </c>
      <c r="F7" s="124" t="s">
        <v>7</v>
      </c>
      <c r="G7" s="53"/>
      <c r="H7" s="90"/>
    </row>
    <row r="8" spans="1:8" ht="12.95" customHeight="1">
      <c r="A8" s="78" t="s">
        <v>7</v>
      </c>
      <c r="B8" s="108" t="s">
        <v>7</v>
      </c>
      <c r="C8" s="98" t="s">
        <v>7</v>
      </c>
      <c r="D8" s="52" t="s">
        <v>61</v>
      </c>
      <c r="E8" s="113" t="s">
        <v>7</v>
      </c>
      <c r="F8" s="52" t="s">
        <v>7</v>
      </c>
      <c r="G8" s="53"/>
      <c r="H8" s="90"/>
    </row>
    <row r="9" spans="1:8" ht="12.95" customHeight="1">
      <c r="A9" s="78" t="s">
        <v>7</v>
      </c>
      <c r="B9" s="109" t="s">
        <v>7</v>
      </c>
      <c r="C9" s="100" t="s">
        <v>7</v>
      </c>
      <c r="D9" s="60" t="s">
        <v>7</v>
      </c>
      <c r="E9" s="112" t="s">
        <v>62</v>
      </c>
      <c r="F9" s="126" t="s">
        <v>7</v>
      </c>
      <c r="G9" s="54"/>
      <c r="H9" s="91"/>
    </row>
    <row r="10" spans="1:8" ht="12.95" customHeight="1">
      <c r="A10" s="78" t="s">
        <v>7</v>
      </c>
      <c r="B10" s="108" t="s">
        <v>92</v>
      </c>
      <c r="C10" s="98" t="s">
        <v>7</v>
      </c>
      <c r="D10" s="52" t="s">
        <v>7</v>
      </c>
      <c r="E10" s="113" t="s">
        <v>7</v>
      </c>
      <c r="F10" s="124" t="s">
        <v>7</v>
      </c>
      <c r="G10" s="53"/>
      <c r="H10" s="90"/>
    </row>
    <row r="11" spans="1:8" ht="12.95" customHeight="1">
      <c r="A11" s="78" t="s">
        <v>7</v>
      </c>
      <c r="B11" s="108" t="s">
        <v>7</v>
      </c>
      <c r="C11" s="98" t="s">
        <v>7</v>
      </c>
      <c r="D11" s="52" t="s">
        <v>61</v>
      </c>
      <c r="E11" s="113" t="s">
        <v>7</v>
      </c>
      <c r="F11" s="52" t="s">
        <v>7</v>
      </c>
      <c r="G11" s="53"/>
      <c r="H11" s="90"/>
    </row>
    <row r="12" spans="1:8" ht="12.95" customHeight="1">
      <c r="A12" s="78" t="s">
        <v>7</v>
      </c>
      <c r="B12" s="109" t="s">
        <v>7</v>
      </c>
      <c r="C12" s="100" t="s">
        <v>7</v>
      </c>
      <c r="D12" s="60" t="s">
        <v>7</v>
      </c>
      <c r="E12" s="112" t="s">
        <v>62</v>
      </c>
      <c r="F12" s="126" t="s">
        <v>7</v>
      </c>
      <c r="G12" s="54"/>
      <c r="H12" s="91"/>
    </row>
    <row r="13" spans="1:8" ht="12.95" customHeight="1">
      <c r="A13" s="78" t="s">
        <v>7</v>
      </c>
      <c r="B13" s="108" t="s">
        <v>93</v>
      </c>
      <c r="C13" s="98" t="s">
        <v>7</v>
      </c>
      <c r="D13" s="52" t="s">
        <v>7</v>
      </c>
      <c r="E13" s="113" t="s">
        <v>7</v>
      </c>
      <c r="F13" s="124" t="s">
        <v>7</v>
      </c>
      <c r="G13" s="53"/>
      <c r="H13" s="90"/>
    </row>
    <row r="14" spans="1:8" ht="12.95" customHeight="1">
      <c r="A14" s="78" t="s">
        <v>7</v>
      </c>
      <c r="B14" s="108" t="s">
        <v>7</v>
      </c>
      <c r="C14" s="98" t="s">
        <v>7</v>
      </c>
      <c r="D14" s="52" t="s">
        <v>61</v>
      </c>
      <c r="E14" s="113" t="s">
        <v>7</v>
      </c>
      <c r="F14" s="52" t="s">
        <v>7</v>
      </c>
      <c r="G14" s="53"/>
      <c r="H14" s="90"/>
    </row>
    <row r="15" spans="1:8" ht="12.95" customHeight="1">
      <c r="A15" s="78" t="s">
        <v>7</v>
      </c>
      <c r="B15" s="109" t="s">
        <v>7</v>
      </c>
      <c r="C15" s="100" t="s">
        <v>7</v>
      </c>
      <c r="D15" s="60" t="s">
        <v>7</v>
      </c>
      <c r="E15" s="112" t="s">
        <v>62</v>
      </c>
      <c r="F15" s="126" t="s">
        <v>7</v>
      </c>
      <c r="G15" s="54"/>
      <c r="H15" s="91"/>
    </row>
    <row r="16" spans="1:8" ht="12.95" customHeight="1">
      <c r="A16" s="78" t="s">
        <v>7</v>
      </c>
      <c r="B16" s="108" t="s">
        <v>94</v>
      </c>
      <c r="C16" s="98" t="s">
        <v>7</v>
      </c>
      <c r="D16" s="52" t="s">
        <v>7</v>
      </c>
      <c r="E16" s="113" t="s">
        <v>7</v>
      </c>
      <c r="F16" s="124" t="s">
        <v>7</v>
      </c>
      <c r="G16" s="53"/>
      <c r="H16" s="90"/>
    </row>
    <row r="17" spans="1:8" ht="12.95" customHeight="1">
      <c r="A17" s="78" t="s">
        <v>7</v>
      </c>
      <c r="B17" s="108" t="s">
        <v>7</v>
      </c>
      <c r="C17" s="98" t="s">
        <v>7</v>
      </c>
      <c r="D17" s="52" t="s">
        <v>61</v>
      </c>
      <c r="E17" s="113" t="s">
        <v>7</v>
      </c>
      <c r="F17" s="52" t="s">
        <v>7</v>
      </c>
      <c r="G17" s="53"/>
      <c r="H17" s="90"/>
    </row>
    <row r="18" spans="1:8" ht="12.95" customHeight="1">
      <c r="A18" s="78" t="s">
        <v>7</v>
      </c>
      <c r="B18" s="109" t="s">
        <v>7</v>
      </c>
      <c r="C18" s="100" t="s">
        <v>7</v>
      </c>
      <c r="D18" s="60" t="s">
        <v>7</v>
      </c>
      <c r="E18" s="112" t="s">
        <v>62</v>
      </c>
      <c r="F18" s="126" t="s">
        <v>7</v>
      </c>
      <c r="G18" s="54"/>
      <c r="H18" s="91" t="s">
        <v>7</v>
      </c>
    </row>
    <row r="19" spans="1:8" ht="12.95" customHeight="1">
      <c r="A19" s="78" t="s">
        <v>7</v>
      </c>
      <c r="B19" s="110" t="s">
        <v>63</v>
      </c>
      <c r="C19" s="98" t="s">
        <v>7</v>
      </c>
      <c r="D19" s="52" t="s">
        <v>7</v>
      </c>
      <c r="E19" s="113" t="s">
        <v>7</v>
      </c>
      <c r="F19" s="52" t="s">
        <v>7</v>
      </c>
      <c r="G19" s="53"/>
      <c r="H19" s="90" t="s">
        <v>7</v>
      </c>
    </row>
    <row r="20" spans="1:8" ht="12.95" customHeight="1">
      <c r="A20" s="78" t="s">
        <v>7</v>
      </c>
      <c r="B20" s="108" t="s">
        <v>7</v>
      </c>
      <c r="C20" s="98" t="s">
        <v>7</v>
      </c>
      <c r="D20" s="52" t="s">
        <v>7</v>
      </c>
      <c r="E20" s="113" t="s">
        <v>7</v>
      </c>
      <c r="F20" s="52" t="s">
        <v>7</v>
      </c>
      <c r="G20" s="53"/>
      <c r="H20" s="90" t="s">
        <v>7</v>
      </c>
    </row>
    <row r="21" spans="1:8" ht="12.95" customHeight="1">
      <c r="A21" s="78" t="s">
        <v>7</v>
      </c>
      <c r="B21" s="109" t="s">
        <v>7</v>
      </c>
      <c r="C21" s="100" t="s">
        <v>7</v>
      </c>
      <c r="D21" s="60" t="s">
        <v>7</v>
      </c>
      <c r="E21" s="112" t="s">
        <v>7</v>
      </c>
      <c r="F21" s="60" t="s">
        <v>7</v>
      </c>
      <c r="G21" s="54"/>
      <c r="H21" s="91" t="s">
        <v>7</v>
      </c>
    </row>
    <row r="22" spans="1:8" ht="12.95" customHeight="1">
      <c r="A22" s="78"/>
      <c r="B22" s="45"/>
      <c r="C22" s="32"/>
      <c r="D22" s="61"/>
      <c r="E22" s="46"/>
      <c r="F22" s="61"/>
      <c r="G22" s="55"/>
      <c r="H22" s="12"/>
    </row>
    <row r="23" spans="1:8" ht="12.95" customHeight="1">
      <c r="A23" s="78"/>
      <c r="B23" s="40"/>
      <c r="C23" s="25"/>
      <c r="D23" s="52"/>
      <c r="E23" s="44"/>
      <c r="F23" s="52"/>
      <c r="G23" s="53"/>
      <c r="H23" s="5"/>
    </row>
    <row r="24" spans="1:8" ht="12.95" customHeight="1">
      <c r="A24" s="78"/>
      <c r="B24" s="42"/>
      <c r="C24" s="28"/>
      <c r="D24" s="60"/>
      <c r="E24" s="43"/>
      <c r="F24" s="60"/>
      <c r="G24" s="54"/>
      <c r="H24" s="8"/>
    </row>
    <row r="25" spans="1:8" ht="12.95" customHeight="1">
      <c r="A25" s="78"/>
      <c r="B25" s="45"/>
      <c r="C25" s="32"/>
      <c r="D25" s="61"/>
      <c r="E25" s="46"/>
      <c r="F25" s="61"/>
      <c r="G25" s="55"/>
      <c r="H25" s="12"/>
    </row>
    <row r="26" spans="1:8" ht="12.95" customHeight="1">
      <c r="A26" s="78"/>
      <c r="B26" s="40"/>
      <c r="C26" s="25"/>
      <c r="D26" s="52"/>
      <c r="E26" s="44"/>
      <c r="F26" s="52"/>
      <c r="G26" s="53"/>
      <c r="H26" s="5"/>
    </row>
    <row r="27" spans="1:8" ht="12.95" customHeight="1">
      <c r="A27" s="78"/>
      <c r="B27" s="42"/>
      <c r="C27" s="28"/>
      <c r="D27" s="60"/>
      <c r="E27" s="43"/>
      <c r="F27" s="60"/>
      <c r="G27" s="54"/>
      <c r="H27" s="8"/>
    </row>
    <row r="28" spans="1:8" ht="12.95" customHeight="1">
      <c r="A28" s="78"/>
      <c r="B28" s="45"/>
      <c r="C28" s="32"/>
      <c r="D28" s="61"/>
      <c r="E28" s="46"/>
      <c r="F28" s="61"/>
      <c r="G28" s="55"/>
      <c r="H28" s="12"/>
    </row>
    <row r="29" spans="1:8" ht="12.95" customHeight="1">
      <c r="A29" s="78"/>
      <c r="B29" s="40"/>
      <c r="C29" s="25"/>
      <c r="D29" s="52"/>
      <c r="E29" s="44"/>
      <c r="F29" s="52"/>
      <c r="G29" s="53"/>
      <c r="H29" s="5"/>
    </row>
    <row r="30" spans="1:8" ht="12.95" customHeight="1">
      <c r="A30" s="78"/>
      <c r="B30" s="42"/>
      <c r="C30" s="28"/>
      <c r="D30" s="60"/>
      <c r="E30" s="43"/>
      <c r="F30" s="60"/>
      <c r="G30" s="54"/>
      <c r="H30" s="8"/>
    </row>
    <row r="31" spans="1:8" ht="12.95" customHeight="1">
      <c r="A31" s="78"/>
      <c r="B31" s="45"/>
      <c r="C31" s="32"/>
      <c r="D31" s="61"/>
      <c r="E31" s="46"/>
      <c r="F31" s="61"/>
      <c r="G31" s="55"/>
      <c r="H31" s="12"/>
    </row>
    <row r="32" spans="1:8" ht="12.95" customHeight="1">
      <c r="A32" s="78"/>
      <c r="B32" s="40"/>
      <c r="C32" s="25"/>
      <c r="D32" s="52"/>
      <c r="E32" s="44"/>
      <c r="F32" s="52"/>
      <c r="G32" s="53"/>
      <c r="H32" s="5"/>
    </row>
    <row r="33" spans="1:8" ht="12.95" customHeight="1">
      <c r="A33" s="78"/>
      <c r="B33" s="42"/>
      <c r="C33" s="28"/>
      <c r="D33" s="60"/>
      <c r="E33" s="43"/>
      <c r="F33" s="60"/>
      <c r="G33" s="54"/>
      <c r="H33" s="8"/>
    </row>
    <row r="34" spans="1:8" ht="12.95" customHeight="1">
      <c r="A34" s="78"/>
      <c r="B34" s="45"/>
      <c r="C34" s="32"/>
      <c r="D34" s="61"/>
      <c r="E34" s="46"/>
      <c r="F34" s="61"/>
      <c r="G34" s="55"/>
      <c r="H34" s="12"/>
    </row>
    <row r="35" spans="1:8" ht="12.95" customHeight="1">
      <c r="A35" s="78"/>
      <c r="B35" s="40"/>
      <c r="C35" s="25"/>
      <c r="D35" s="52"/>
      <c r="E35" s="44"/>
      <c r="F35" s="52"/>
      <c r="G35" s="53"/>
      <c r="H35" s="5"/>
    </row>
    <row r="36" spans="1:8" ht="12.95" customHeight="1">
      <c r="A36" s="78"/>
      <c r="B36" s="42"/>
      <c r="C36" s="28"/>
      <c r="D36" s="60"/>
      <c r="E36" s="43"/>
      <c r="F36" s="60"/>
      <c r="G36" s="54"/>
      <c r="H36" s="8"/>
    </row>
    <row r="37" spans="1:8" ht="12.95" customHeight="1">
      <c r="A37" s="78"/>
      <c r="B37" s="45"/>
      <c r="C37" s="32"/>
      <c r="D37" s="61"/>
      <c r="E37" s="46"/>
      <c r="F37" s="61"/>
      <c r="G37" s="55"/>
      <c r="H37" s="12"/>
    </row>
    <row r="38" spans="1:8" ht="12.95" customHeight="1">
      <c r="A38" s="78"/>
      <c r="B38" s="40"/>
      <c r="C38" s="25"/>
      <c r="D38" s="52"/>
      <c r="E38" s="44"/>
      <c r="F38" s="52"/>
      <c r="G38" s="53"/>
      <c r="H38" s="5"/>
    </row>
    <row r="39" spans="1:8" ht="12.95" customHeight="1">
      <c r="A39" s="78"/>
      <c r="B39" s="42"/>
      <c r="C39" s="28"/>
      <c r="D39" s="60"/>
      <c r="E39" s="43"/>
      <c r="F39" s="60"/>
      <c r="G39" s="54"/>
      <c r="H39" s="8"/>
    </row>
    <row r="40" spans="1:8" ht="12.95" customHeight="1">
      <c r="A40" s="78"/>
      <c r="B40" s="45"/>
      <c r="C40" s="32"/>
      <c r="D40" s="61"/>
      <c r="E40" s="47"/>
      <c r="F40" s="65"/>
      <c r="G40" s="55"/>
      <c r="H40" s="12"/>
    </row>
    <row r="41" spans="1:8" ht="12.95" customHeight="1">
      <c r="A41" s="78"/>
      <c r="B41" s="40"/>
      <c r="C41" s="25"/>
      <c r="D41" s="52"/>
      <c r="E41" s="44"/>
      <c r="F41" s="52"/>
      <c r="G41" s="53"/>
      <c r="H41" s="5"/>
    </row>
    <row r="42" spans="1:8" ht="12.95" customHeight="1">
      <c r="A42" s="78"/>
      <c r="B42" s="42"/>
      <c r="C42" s="28"/>
      <c r="D42" s="60"/>
      <c r="E42" s="43"/>
      <c r="F42" s="60"/>
      <c r="G42" s="54"/>
      <c r="H42" s="8"/>
    </row>
    <row r="43" spans="1:8" ht="12.95" customHeight="1">
      <c r="A43" s="78"/>
      <c r="B43" s="45"/>
      <c r="C43" s="32"/>
      <c r="D43" s="61"/>
      <c r="E43" s="46"/>
      <c r="F43" s="61"/>
      <c r="G43" s="55"/>
      <c r="H43" s="12"/>
    </row>
    <row r="44" spans="1:8" ht="12.95" customHeight="1">
      <c r="A44" s="78"/>
      <c r="B44" s="40"/>
      <c r="C44" s="25"/>
      <c r="D44" s="52"/>
      <c r="E44" s="44"/>
      <c r="F44" s="52"/>
      <c r="G44" s="53"/>
      <c r="H44" s="5"/>
    </row>
    <row r="45" spans="1:8" ht="12.95" customHeight="1">
      <c r="A45" s="78"/>
      <c r="B45" s="42"/>
      <c r="C45" s="28"/>
      <c r="D45" s="60"/>
      <c r="E45" s="43"/>
      <c r="F45" s="60"/>
      <c r="G45" s="54"/>
      <c r="H45" s="8"/>
    </row>
    <row r="46" spans="1:8" ht="12.95" customHeight="1">
      <c r="A46" s="78"/>
      <c r="B46" s="45"/>
      <c r="C46" s="32"/>
      <c r="D46" s="61"/>
      <c r="E46" s="46"/>
      <c r="F46" s="61"/>
      <c r="G46" s="55"/>
      <c r="H46" s="12"/>
    </row>
    <row r="47" spans="1:8" ht="12.95" customHeight="1">
      <c r="A47" s="78"/>
      <c r="B47" s="40"/>
      <c r="C47" s="25"/>
      <c r="D47" s="52"/>
      <c r="E47" s="44"/>
      <c r="F47" s="52"/>
      <c r="G47" s="53"/>
      <c r="H47" s="5"/>
    </row>
    <row r="48" spans="1:8" ht="12.95" customHeight="1">
      <c r="A48" s="78"/>
      <c r="B48" s="42"/>
      <c r="C48" s="28"/>
      <c r="D48" s="60"/>
      <c r="E48" s="43"/>
      <c r="F48" s="60"/>
      <c r="G48" s="54"/>
      <c r="H48" s="8"/>
    </row>
    <row r="49" spans="1:8" ht="12.95" customHeight="1">
      <c r="A49" s="78"/>
      <c r="B49" s="45"/>
      <c r="C49" s="32"/>
      <c r="D49" s="61"/>
      <c r="E49" s="46"/>
      <c r="F49" s="61"/>
      <c r="G49" s="55"/>
      <c r="H49" s="12"/>
    </row>
    <row r="50" spans="1:8" ht="12.95" customHeight="1">
      <c r="A50" s="78"/>
      <c r="B50" s="40"/>
      <c r="C50" s="25"/>
      <c r="D50" s="52"/>
      <c r="E50" s="41"/>
      <c r="F50" s="64"/>
      <c r="G50" s="53"/>
      <c r="H50" s="5"/>
    </row>
    <row r="51" spans="1:8" ht="12.95" customHeight="1">
      <c r="A51" s="78"/>
      <c r="B51" s="42"/>
      <c r="C51" s="28"/>
      <c r="D51" s="60"/>
      <c r="E51" s="43"/>
      <c r="F51" s="60"/>
      <c r="G51" s="54"/>
      <c r="H51" s="8"/>
    </row>
    <row r="52" spans="1:8" ht="12.95" customHeight="1">
      <c r="A52" s="78"/>
      <c r="B52" s="45"/>
      <c r="C52" s="32"/>
      <c r="D52" s="61"/>
      <c r="E52" s="46"/>
      <c r="F52" s="61"/>
      <c r="G52" s="55"/>
      <c r="H52" s="12"/>
    </row>
    <row r="53" spans="1:8" ht="12.95" customHeight="1">
      <c r="A53" s="78"/>
      <c r="B53" s="40"/>
      <c r="C53" s="25"/>
      <c r="D53" s="52"/>
      <c r="E53" s="44"/>
      <c r="F53" s="52"/>
      <c r="G53" s="53"/>
      <c r="H53" s="5"/>
    </row>
    <row r="54" spans="1:8" ht="12.95" customHeight="1">
      <c r="A54" s="78"/>
      <c r="B54" s="42"/>
      <c r="C54" s="28"/>
      <c r="D54" s="60"/>
      <c r="E54" s="43"/>
      <c r="F54" s="60"/>
      <c r="G54" s="54"/>
      <c r="H54" s="8"/>
    </row>
    <row r="55" spans="1:8" ht="12.95" customHeight="1">
      <c r="A55" s="78"/>
      <c r="B55" s="45"/>
      <c r="C55" s="32"/>
      <c r="D55" s="61"/>
      <c r="E55" s="46"/>
      <c r="F55" s="61"/>
      <c r="G55" s="55"/>
      <c r="H55" s="12"/>
    </row>
    <row r="56" spans="1:8" ht="12.95" customHeight="1">
      <c r="A56" s="78"/>
      <c r="B56" s="40"/>
      <c r="C56" s="25"/>
      <c r="D56" s="52"/>
      <c r="E56" s="44"/>
      <c r="F56" s="52"/>
      <c r="G56" s="53"/>
      <c r="H56" s="5"/>
    </row>
    <row r="57" spans="1:8" ht="12.95" customHeight="1">
      <c r="A57" s="78"/>
      <c r="B57" s="42"/>
      <c r="C57" s="28"/>
      <c r="D57" s="60"/>
      <c r="E57" s="43"/>
      <c r="F57" s="60"/>
      <c r="G57" s="54"/>
      <c r="H57" s="8"/>
    </row>
    <row r="58" spans="1:8" ht="12.95" customHeight="1">
      <c r="A58" s="78"/>
      <c r="B58" s="45"/>
      <c r="C58" s="32"/>
      <c r="D58" s="61"/>
      <c r="E58" s="46"/>
      <c r="F58" s="61"/>
      <c r="G58" s="55"/>
      <c r="H58" s="12"/>
    </row>
    <row r="59" spans="1:8" ht="12.95" customHeight="1">
      <c r="A59" s="78"/>
      <c r="B59" s="40"/>
      <c r="C59" s="25"/>
      <c r="D59" s="52"/>
      <c r="E59" s="44"/>
      <c r="F59" s="52"/>
      <c r="G59" s="53"/>
      <c r="H59" s="5"/>
    </row>
    <row r="60" spans="1:8" ht="12.95" customHeight="1">
      <c r="A60" s="78"/>
      <c r="B60" s="42"/>
      <c r="C60" s="28"/>
      <c r="D60" s="60"/>
      <c r="E60" s="48"/>
      <c r="F60" s="66"/>
      <c r="G60" s="54"/>
      <c r="H60" s="8"/>
    </row>
    <row r="61" spans="1:8" ht="12.95" customHeight="1">
      <c r="A61" s="78"/>
      <c r="B61" s="45"/>
      <c r="C61" s="32"/>
      <c r="D61" s="61"/>
      <c r="E61" s="46"/>
      <c r="F61" s="61"/>
      <c r="G61" s="55"/>
      <c r="H61" s="12"/>
    </row>
    <row r="62" spans="1:8" ht="12.95" customHeight="1">
      <c r="A62" s="78"/>
      <c r="B62" s="40"/>
      <c r="C62" s="25"/>
      <c r="D62" s="62"/>
      <c r="E62" s="44"/>
      <c r="F62" s="62"/>
      <c r="G62" s="53"/>
      <c r="H62" s="5"/>
    </row>
    <row r="63" spans="1:8" ht="12.95" customHeight="1">
      <c r="A63" s="78"/>
      <c r="B63" s="50"/>
      <c r="C63" s="38"/>
      <c r="D63" s="63"/>
      <c r="E63" s="51"/>
      <c r="F63" s="63"/>
      <c r="G63" s="57"/>
      <c r="H63" s="18"/>
    </row>
    <row r="64" spans="1:8" ht="0.95" customHeight="1">
      <c r="B64" s="19"/>
      <c r="C64" s="19"/>
      <c r="D64" s="19"/>
      <c r="E64" s="19"/>
      <c r="F64" s="67"/>
      <c r="G64" s="19"/>
      <c r="H64" s="19"/>
    </row>
    <row r="65" spans="1:8" s="1" customFormat="1" ht="18" customHeight="1">
      <c r="B65" s="79" t="s">
        <v>85</v>
      </c>
      <c r="C65" s="79"/>
      <c r="D65" s="79"/>
      <c r="E65" s="79"/>
      <c r="F65" s="79"/>
      <c r="G65" s="79"/>
      <c r="H65" s="80"/>
    </row>
    <row r="66" spans="1:8" ht="21" customHeight="1">
      <c r="A66" s="78"/>
      <c r="B66" s="207" t="s">
        <v>86</v>
      </c>
      <c r="C66" s="208"/>
      <c r="D66" s="208" t="s">
        <v>64</v>
      </c>
      <c r="E66" s="208"/>
      <c r="F66" s="208"/>
      <c r="G66" s="208" t="s">
        <v>95</v>
      </c>
      <c r="H66" s="209"/>
    </row>
    <row r="67" spans="1:8" ht="21" customHeight="1">
      <c r="A67" s="78"/>
      <c r="B67" s="105" t="s">
        <v>87</v>
      </c>
      <c r="C67" s="106" t="s">
        <v>88</v>
      </c>
      <c r="D67" s="106" t="s">
        <v>75</v>
      </c>
      <c r="E67" s="106" t="s">
        <v>76</v>
      </c>
      <c r="F67" s="106" t="s">
        <v>89</v>
      </c>
      <c r="G67" s="106" t="s">
        <v>77</v>
      </c>
      <c r="H67" s="107" t="s">
        <v>59</v>
      </c>
    </row>
    <row r="68" spans="1:8" ht="12.95" customHeight="1">
      <c r="A68" s="78" t="s">
        <v>7</v>
      </c>
      <c r="B68" s="108" t="s">
        <v>96</v>
      </c>
      <c r="C68" s="98" t="s">
        <v>97</v>
      </c>
      <c r="D68" s="52" t="s">
        <v>7</v>
      </c>
      <c r="E68" s="113" t="s">
        <v>7</v>
      </c>
      <c r="F68" s="124" t="s">
        <v>7</v>
      </c>
      <c r="G68" s="53" t="s">
        <v>7</v>
      </c>
      <c r="H68" s="90"/>
    </row>
    <row r="69" spans="1:8" ht="12.95" customHeight="1">
      <c r="A69" s="78" t="s">
        <v>7</v>
      </c>
      <c r="B69" s="108" t="s">
        <v>7</v>
      </c>
      <c r="C69" s="98" t="s">
        <v>98</v>
      </c>
      <c r="D69" s="52" t="s">
        <v>61</v>
      </c>
      <c r="E69" s="113" t="s">
        <v>7</v>
      </c>
      <c r="F69" s="52" t="s">
        <v>7</v>
      </c>
      <c r="G69" s="53"/>
      <c r="H69" s="90"/>
    </row>
    <row r="70" spans="1:8" ht="12.95" customHeight="1">
      <c r="A70" s="78" t="s">
        <v>7</v>
      </c>
      <c r="B70" s="109" t="s">
        <v>7</v>
      </c>
      <c r="C70" s="100" t="s">
        <v>7</v>
      </c>
      <c r="D70" s="60" t="s">
        <v>7</v>
      </c>
      <c r="E70" s="112" t="s">
        <v>62</v>
      </c>
      <c r="F70" s="126" t="s">
        <v>7</v>
      </c>
      <c r="G70" s="54"/>
      <c r="H70" s="91"/>
    </row>
    <row r="71" spans="1:8" ht="12.95" customHeight="1">
      <c r="A71" s="78" t="s">
        <v>7</v>
      </c>
      <c r="B71" s="108" t="s">
        <v>99</v>
      </c>
      <c r="C71" s="98" t="s">
        <v>100</v>
      </c>
      <c r="D71" s="52" t="s">
        <v>7</v>
      </c>
      <c r="E71" s="113" t="s">
        <v>7</v>
      </c>
      <c r="F71" s="124"/>
      <c r="G71" s="53"/>
      <c r="H71" s="90"/>
    </row>
    <row r="72" spans="1:8" ht="12.95" customHeight="1">
      <c r="A72" s="78" t="s">
        <v>7</v>
      </c>
      <c r="B72" s="108" t="s">
        <v>65</v>
      </c>
      <c r="C72" s="98" t="s">
        <v>7</v>
      </c>
      <c r="D72" s="52" t="s">
        <v>101</v>
      </c>
      <c r="E72" s="113" t="s">
        <v>7</v>
      </c>
      <c r="F72" s="52"/>
      <c r="G72" s="53"/>
      <c r="H72" s="90"/>
    </row>
    <row r="73" spans="1:8" ht="12.95" customHeight="1">
      <c r="A73" s="78" t="s">
        <v>7</v>
      </c>
      <c r="B73" s="109" t="s">
        <v>7</v>
      </c>
      <c r="C73" s="100" t="s">
        <v>7</v>
      </c>
      <c r="D73" s="60" t="s">
        <v>7</v>
      </c>
      <c r="E73" s="112" t="s">
        <v>102</v>
      </c>
      <c r="F73" s="126"/>
      <c r="G73" s="54"/>
      <c r="H73" s="91"/>
    </row>
    <row r="74" spans="1:8" ht="12.95" customHeight="1">
      <c r="A74" s="78" t="s">
        <v>7</v>
      </c>
      <c r="B74" s="108" t="s">
        <v>103</v>
      </c>
      <c r="C74" s="98" t="s">
        <v>104</v>
      </c>
      <c r="D74" s="52" t="s">
        <v>7</v>
      </c>
      <c r="E74" s="113" t="s">
        <v>7</v>
      </c>
      <c r="F74" s="124"/>
      <c r="G74" s="53"/>
      <c r="H74" s="90"/>
    </row>
    <row r="75" spans="1:8" ht="12.95" customHeight="1">
      <c r="A75" s="78" t="s">
        <v>7</v>
      </c>
      <c r="B75" s="108" t="s">
        <v>7</v>
      </c>
      <c r="C75" s="98" t="s">
        <v>7</v>
      </c>
      <c r="D75" s="52" t="s">
        <v>105</v>
      </c>
      <c r="E75" s="113" t="s">
        <v>7</v>
      </c>
      <c r="F75" s="52"/>
      <c r="G75" s="53"/>
      <c r="H75" s="90"/>
    </row>
    <row r="76" spans="1:8" ht="12.95" customHeight="1">
      <c r="A76" s="78" t="s">
        <v>7</v>
      </c>
      <c r="B76" s="109" t="s">
        <v>7</v>
      </c>
      <c r="C76" s="100" t="s">
        <v>7</v>
      </c>
      <c r="D76" s="60" t="s">
        <v>7</v>
      </c>
      <c r="E76" s="112" t="s">
        <v>106</v>
      </c>
      <c r="F76" s="126"/>
      <c r="G76" s="54"/>
      <c r="H76" s="91"/>
    </row>
    <row r="77" spans="1:8" ht="12.95" customHeight="1">
      <c r="A77" s="78" t="s">
        <v>7</v>
      </c>
      <c r="B77" s="108" t="s">
        <v>107</v>
      </c>
      <c r="C77" s="98" t="s">
        <v>100</v>
      </c>
      <c r="D77" s="52" t="s">
        <v>7</v>
      </c>
      <c r="E77" s="113" t="s">
        <v>7</v>
      </c>
      <c r="F77" s="124"/>
      <c r="G77" s="53"/>
      <c r="H77" s="90"/>
    </row>
    <row r="78" spans="1:8" ht="12.95" customHeight="1">
      <c r="A78" s="78" t="s">
        <v>7</v>
      </c>
      <c r="B78" s="108" t="s">
        <v>108</v>
      </c>
      <c r="C78" s="98" t="s">
        <v>7</v>
      </c>
      <c r="D78" s="52" t="s">
        <v>109</v>
      </c>
      <c r="E78" s="113" t="s">
        <v>7</v>
      </c>
      <c r="F78" s="52"/>
      <c r="G78" s="53"/>
      <c r="H78" s="90"/>
    </row>
    <row r="79" spans="1:8" ht="12.95" customHeight="1">
      <c r="A79" s="78" t="s">
        <v>7</v>
      </c>
      <c r="B79" s="109" t="s">
        <v>7</v>
      </c>
      <c r="C79" s="100" t="s">
        <v>7</v>
      </c>
      <c r="D79" s="60" t="s">
        <v>7</v>
      </c>
      <c r="E79" s="112" t="s">
        <v>106</v>
      </c>
      <c r="F79" s="126"/>
      <c r="G79" s="54"/>
      <c r="H79" s="91"/>
    </row>
    <row r="80" spans="1:8" ht="12.95" customHeight="1">
      <c r="A80" s="78" t="s">
        <v>7</v>
      </c>
      <c r="B80" s="108" t="s">
        <v>110</v>
      </c>
      <c r="C80" s="98" t="s">
        <v>7</v>
      </c>
      <c r="D80" s="52" t="s">
        <v>7</v>
      </c>
      <c r="E80" s="113" t="s">
        <v>7</v>
      </c>
      <c r="F80" s="124"/>
      <c r="G80" s="53"/>
      <c r="H80" s="90"/>
    </row>
    <row r="81" spans="1:8" ht="12.95" customHeight="1">
      <c r="A81" s="78" t="s">
        <v>7</v>
      </c>
      <c r="B81" s="108" t="s">
        <v>111</v>
      </c>
      <c r="C81" s="98" t="s">
        <v>7</v>
      </c>
      <c r="D81" s="52" t="s">
        <v>112</v>
      </c>
      <c r="E81" s="113" t="s">
        <v>7</v>
      </c>
      <c r="F81" s="52"/>
      <c r="G81" s="53"/>
      <c r="H81" s="90"/>
    </row>
    <row r="82" spans="1:8" ht="12.95" customHeight="1">
      <c r="A82" s="78" t="s">
        <v>7</v>
      </c>
      <c r="B82" s="109" t="s">
        <v>7</v>
      </c>
      <c r="C82" s="100" t="s">
        <v>7</v>
      </c>
      <c r="D82" s="60" t="s">
        <v>7</v>
      </c>
      <c r="E82" s="112" t="s">
        <v>106</v>
      </c>
      <c r="F82" s="126"/>
      <c r="G82" s="54"/>
      <c r="H82" s="91"/>
    </row>
    <row r="83" spans="1:8" ht="12.95" customHeight="1">
      <c r="A83" s="78" t="s">
        <v>7</v>
      </c>
      <c r="B83" s="108" t="s">
        <v>113</v>
      </c>
      <c r="C83" s="98" t="s">
        <v>7</v>
      </c>
      <c r="D83" s="52" t="s">
        <v>7</v>
      </c>
      <c r="E83" s="113" t="s">
        <v>7</v>
      </c>
      <c r="F83" s="124"/>
      <c r="G83" s="53"/>
      <c r="H83" s="90"/>
    </row>
    <row r="84" spans="1:8" ht="12.95" customHeight="1">
      <c r="A84" s="78" t="s">
        <v>7</v>
      </c>
      <c r="B84" s="108" t="s">
        <v>114</v>
      </c>
      <c r="C84" s="98" t="s">
        <v>7</v>
      </c>
      <c r="D84" s="52" t="s">
        <v>30</v>
      </c>
      <c r="E84" s="113" t="s">
        <v>7</v>
      </c>
      <c r="F84" s="52"/>
      <c r="G84" s="53"/>
      <c r="H84" s="90"/>
    </row>
    <row r="85" spans="1:8" ht="12.95" customHeight="1">
      <c r="A85" s="78" t="s">
        <v>7</v>
      </c>
      <c r="B85" s="109" t="s">
        <v>7</v>
      </c>
      <c r="C85" s="100" t="s">
        <v>7</v>
      </c>
      <c r="D85" s="60" t="s">
        <v>7</v>
      </c>
      <c r="E85" s="112" t="s">
        <v>115</v>
      </c>
      <c r="F85" s="126"/>
      <c r="G85" s="54"/>
      <c r="H85" s="91"/>
    </row>
    <row r="86" spans="1:8" ht="12.95" customHeight="1">
      <c r="A86" s="78" t="s">
        <v>7</v>
      </c>
      <c r="B86" s="108" t="s">
        <v>116</v>
      </c>
      <c r="C86" s="98" t="s">
        <v>7</v>
      </c>
      <c r="D86" s="52" t="s">
        <v>7</v>
      </c>
      <c r="E86" s="113" t="s">
        <v>7</v>
      </c>
      <c r="F86" s="124"/>
      <c r="G86" s="53"/>
      <c r="H86" s="90"/>
    </row>
    <row r="87" spans="1:8" ht="12.95" customHeight="1">
      <c r="A87" s="78" t="s">
        <v>7</v>
      </c>
      <c r="B87" s="108" t="s">
        <v>117</v>
      </c>
      <c r="C87" s="98" t="s">
        <v>7</v>
      </c>
      <c r="D87" s="52" t="s">
        <v>118</v>
      </c>
      <c r="E87" s="113" t="s">
        <v>7</v>
      </c>
      <c r="F87" s="52"/>
      <c r="G87" s="53"/>
      <c r="H87" s="90"/>
    </row>
    <row r="88" spans="1:8" ht="12.95" customHeight="1">
      <c r="A88" s="78" t="s">
        <v>7</v>
      </c>
      <c r="B88" s="109" t="s">
        <v>7</v>
      </c>
      <c r="C88" s="100" t="s">
        <v>7</v>
      </c>
      <c r="D88" s="60" t="s">
        <v>7</v>
      </c>
      <c r="E88" s="112" t="s">
        <v>119</v>
      </c>
      <c r="F88" s="126"/>
      <c r="G88" s="54"/>
      <c r="H88" s="91"/>
    </row>
    <row r="89" spans="1:8" ht="12.95" customHeight="1">
      <c r="A89" s="78" t="s">
        <v>7</v>
      </c>
      <c r="B89" s="108" t="s">
        <v>120</v>
      </c>
      <c r="C89" s="98" t="s">
        <v>7</v>
      </c>
      <c r="D89" s="52" t="s">
        <v>7</v>
      </c>
      <c r="E89" s="113" t="s">
        <v>7</v>
      </c>
      <c r="F89" s="124"/>
      <c r="G89" s="53"/>
      <c r="H89" s="90"/>
    </row>
    <row r="90" spans="1:8" ht="12.95" customHeight="1">
      <c r="A90" s="78" t="s">
        <v>7</v>
      </c>
      <c r="B90" s="108" t="s">
        <v>117</v>
      </c>
      <c r="C90" s="98" t="s">
        <v>7</v>
      </c>
      <c r="D90" s="52" t="s">
        <v>121</v>
      </c>
      <c r="E90" s="113" t="s">
        <v>7</v>
      </c>
      <c r="F90" s="52"/>
      <c r="G90" s="53"/>
      <c r="H90" s="90"/>
    </row>
    <row r="91" spans="1:8" ht="12.95" customHeight="1">
      <c r="A91" s="78" t="s">
        <v>7</v>
      </c>
      <c r="B91" s="109" t="s">
        <v>7</v>
      </c>
      <c r="C91" s="100" t="s">
        <v>7</v>
      </c>
      <c r="D91" s="60" t="s">
        <v>7</v>
      </c>
      <c r="E91" s="112" t="s">
        <v>119</v>
      </c>
      <c r="F91" s="126"/>
      <c r="G91" s="54"/>
      <c r="H91" s="91"/>
    </row>
    <row r="92" spans="1:8" ht="12.95" customHeight="1">
      <c r="A92" s="78" t="s">
        <v>7</v>
      </c>
      <c r="B92" s="108" t="s">
        <v>122</v>
      </c>
      <c r="C92" s="98" t="s">
        <v>7</v>
      </c>
      <c r="D92" s="52" t="s">
        <v>7</v>
      </c>
      <c r="E92" s="113" t="s">
        <v>7</v>
      </c>
      <c r="F92" s="124"/>
      <c r="G92" s="53"/>
      <c r="H92" s="90"/>
    </row>
    <row r="93" spans="1:8" ht="12.95" customHeight="1">
      <c r="A93" s="78" t="s">
        <v>7</v>
      </c>
      <c r="B93" s="108" t="s">
        <v>7</v>
      </c>
      <c r="C93" s="98" t="s">
        <v>7</v>
      </c>
      <c r="D93" s="52" t="s">
        <v>30</v>
      </c>
      <c r="E93" s="113" t="s">
        <v>7</v>
      </c>
      <c r="F93" s="52"/>
      <c r="G93" s="53"/>
      <c r="H93" s="90"/>
    </row>
    <row r="94" spans="1:8" ht="12.95" customHeight="1">
      <c r="A94" s="78" t="s">
        <v>7</v>
      </c>
      <c r="B94" s="109" t="s">
        <v>7</v>
      </c>
      <c r="C94" s="100" t="s">
        <v>7</v>
      </c>
      <c r="D94" s="60" t="s">
        <v>7</v>
      </c>
      <c r="E94" s="112" t="s">
        <v>119</v>
      </c>
      <c r="F94" s="126"/>
      <c r="G94" s="54"/>
      <c r="H94" s="91"/>
    </row>
    <row r="95" spans="1:8" ht="12.95" customHeight="1">
      <c r="A95" s="78" t="s">
        <v>7</v>
      </c>
      <c r="B95" s="108" t="s">
        <v>123</v>
      </c>
      <c r="C95" s="98" t="s">
        <v>124</v>
      </c>
      <c r="D95" s="52" t="s">
        <v>7</v>
      </c>
      <c r="E95" s="113" t="s">
        <v>7</v>
      </c>
      <c r="F95" s="124"/>
      <c r="G95" s="53"/>
      <c r="H95" s="90"/>
    </row>
    <row r="96" spans="1:8" ht="12.95" customHeight="1">
      <c r="A96" s="78" t="s">
        <v>7</v>
      </c>
      <c r="B96" s="108" t="s">
        <v>125</v>
      </c>
      <c r="C96" s="98" t="s">
        <v>7</v>
      </c>
      <c r="D96" s="52" t="s">
        <v>126</v>
      </c>
      <c r="E96" s="113" t="s">
        <v>7</v>
      </c>
      <c r="F96" s="52"/>
      <c r="G96" s="53"/>
      <c r="H96" s="90"/>
    </row>
    <row r="97" spans="1:8" ht="12.95" customHeight="1">
      <c r="A97" s="78" t="s">
        <v>7</v>
      </c>
      <c r="B97" s="109" t="s">
        <v>7</v>
      </c>
      <c r="C97" s="100" t="s">
        <v>7</v>
      </c>
      <c r="D97" s="60" t="s">
        <v>7</v>
      </c>
      <c r="E97" s="112" t="s">
        <v>119</v>
      </c>
      <c r="F97" s="126"/>
      <c r="G97" s="54"/>
      <c r="H97" s="91"/>
    </row>
    <row r="98" spans="1:8" ht="12.95" customHeight="1">
      <c r="A98" s="78" t="s">
        <v>7</v>
      </c>
      <c r="B98" s="108" t="s">
        <v>127</v>
      </c>
      <c r="C98" s="98" t="s">
        <v>7</v>
      </c>
      <c r="D98" s="52" t="s">
        <v>7</v>
      </c>
      <c r="E98" s="113" t="s">
        <v>7</v>
      </c>
      <c r="F98" s="124"/>
      <c r="G98" s="53"/>
      <c r="H98" s="90"/>
    </row>
    <row r="99" spans="1:8" ht="12.95" customHeight="1">
      <c r="A99" s="78" t="s">
        <v>7</v>
      </c>
      <c r="B99" s="108" t="s">
        <v>117</v>
      </c>
      <c r="C99" s="98" t="s">
        <v>7</v>
      </c>
      <c r="D99" s="52" t="s">
        <v>121</v>
      </c>
      <c r="E99" s="113" t="s">
        <v>7</v>
      </c>
      <c r="F99" s="52"/>
      <c r="G99" s="53"/>
      <c r="H99" s="90"/>
    </row>
    <row r="100" spans="1:8" ht="12.95" customHeight="1">
      <c r="A100" s="78" t="s">
        <v>7</v>
      </c>
      <c r="B100" s="109" t="s">
        <v>7</v>
      </c>
      <c r="C100" s="100" t="s">
        <v>7</v>
      </c>
      <c r="D100" s="60" t="s">
        <v>7</v>
      </c>
      <c r="E100" s="112" t="s">
        <v>119</v>
      </c>
      <c r="F100" s="126"/>
      <c r="G100" s="54"/>
      <c r="H100" s="91"/>
    </row>
    <row r="101" spans="1:8" ht="12.95" customHeight="1">
      <c r="A101" s="78" t="s">
        <v>7</v>
      </c>
      <c r="B101" s="108" t="s">
        <v>128</v>
      </c>
      <c r="C101" s="98" t="s">
        <v>129</v>
      </c>
      <c r="D101" s="52" t="s">
        <v>7</v>
      </c>
      <c r="E101" s="113" t="s">
        <v>7</v>
      </c>
      <c r="F101" s="124"/>
      <c r="G101" s="53"/>
      <c r="H101" s="90"/>
    </row>
    <row r="102" spans="1:8" ht="12.95" customHeight="1">
      <c r="A102" s="78" t="s">
        <v>7</v>
      </c>
      <c r="B102" s="108" t="s">
        <v>7</v>
      </c>
      <c r="C102" s="98" t="s">
        <v>7</v>
      </c>
      <c r="D102" s="52" t="s">
        <v>30</v>
      </c>
      <c r="E102" s="113" t="s">
        <v>7</v>
      </c>
      <c r="F102" s="52"/>
      <c r="G102" s="53"/>
      <c r="H102" s="90"/>
    </row>
    <row r="103" spans="1:8" ht="12.95" customHeight="1">
      <c r="A103" s="78" t="s">
        <v>7</v>
      </c>
      <c r="B103" s="109" t="s">
        <v>7</v>
      </c>
      <c r="C103" s="100" t="s">
        <v>7</v>
      </c>
      <c r="D103" s="60" t="s">
        <v>7</v>
      </c>
      <c r="E103" s="112" t="s">
        <v>130</v>
      </c>
      <c r="F103" s="126"/>
      <c r="G103" s="54"/>
      <c r="H103" s="91"/>
    </row>
    <row r="104" spans="1:8" ht="12.95" customHeight="1">
      <c r="A104" s="78" t="s">
        <v>7</v>
      </c>
      <c r="B104" s="108" t="s">
        <v>131</v>
      </c>
      <c r="C104" s="98" t="s">
        <v>132</v>
      </c>
      <c r="D104" s="52" t="s">
        <v>7</v>
      </c>
      <c r="E104" s="113" t="s">
        <v>7</v>
      </c>
      <c r="F104" s="124"/>
      <c r="G104" s="53"/>
      <c r="H104" s="90"/>
    </row>
    <row r="105" spans="1:8" ht="12.95" customHeight="1">
      <c r="A105" s="78" t="s">
        <v>7</v>
      </c>
      <c r="B105" s="108" t="s">
        <v>7</v>
      </c>
      <c r="C105" s="98" t="s">
        <v>7</v>
      </c>
      <c r="D105" s="52" t="s">
        <v>133</v>
      </c>
      <c r="E105" s="113" t="s">
        <v>7</v>
      </c>
      <c r="F105" s="52"/>
      <c r="G105" s="53"/>
      <c r="H105" s="90"/>
    </row>
    <row r="106" spans="1:8" ht="12.95" customHeight="1">
      <c r="A106" s="78" t="s">
        <v>7</v>
      </c>
      <c r="B106" s="109" t="s">
        <v>7</v>
      </c>
      <c r="C106" s="100" t="s">
        <v>7</v>
      </c>
      <c r="D106" s="60" t="s">
        <v>7</v>
      </c>
      <c r="E106" s="112" t="s">
        <v>134</v>
      </c>
      <c r="F106" s="126"/>
      <c r="G106" s="54"/>
      <c r="H106" s="91"/>
    </row>
    <row r="107" spans="1:8" ht="12.95" customHeight="1">
      <c r="A107" s="78" t="s">
        <v>7</v>
      </c>
      <c r="B107" s="108" t="s">
        <v>135</v>
      </c>
      <c r="C107" s="98" t="s">
        <v>136</v>
      </c>
      <c r="D107" s="52" t="s">
        <v>7</v>
      </c>
      <c r="E107" s="113" t="s">
        <v>7</v>
      </c>
      <c r="F107" s="124"/>
      <c r="G107" s="53"/>
      <c r="H107" s="90"/>
    </row>
    <row r="108" spans="1:8" ht="12.95" customHeight="1">
      <c r="A108" s="78" t="s">
        <v>7</v>
      </c>
      <c r="B108" s="108" t="s">
        <v>7</v>
      </c>
      <c r="C108" s="98" t="s">
        <v>7</v>
      </c>
      <c r="D108" s="52" t="s">
        <v>30</v>
      </c>
      <c r="E108" s="113" t="s">
        <v>7</v>
      </c>
      <c r="F108" s="52"/>
      <c r="G108" s="53"/>
      <c r="H108" s="90"/>
    </row>
    <row r="109" spans="1:8" ht="12.95" customHeight="1">
      <c r="A109" s="78" t="s">
        <v>7</v>
      </c>
      <c r="B109" s="109" t="s">
        <v>7</v>
      </c>
      <c r="C109" s="100" t="s">
        <v>7</v>
      </c>
      <c r="D109" s="60" t="s">
        <v>7</v>
      </c>
      <c r="E109" s="112" t="s">
        <v>130</v>
      </c>
      <c r="F109" s="126"/>
      <c r="G109" s="54"/>
      <c r="H109" s="91" t="s">
        <v>7</v>
      </c>
    </row>
    <row r="110" spans="1:8" ht="12.95" customHeight="1">
      <c r="A110" s="78" t="s">
        <v>7</v>
      </c>
      <c r="B110" s="110" t="s">
        <v>34</v>
      </c>
      <c r="C110" s="98" t="s">
        <v>7</v>
      </c>
      <c r="D110" s="52" t="s">
        <v>7</v>
      </c>
      <c r="E110" s="113" t="s">
        <v>7</v>
      </c>
      <c r="F110" s="52"/>
      <c r="G110" s="53"/>
      <c r="H110" s="90" t="s">
        <v>7</v>
      </c>
    </row>
    <row r="111" spans="1:8" ht="12.95" customHeight="1">
      <c r="A111" s="78" t="s">
        <v>7</v>
      </c>
      <c r="B111" s="108" t="s">
        <v>7</v>
      </c>
      <c r="C111" s="98" t="s">
        <v>7</v>
      </c>
      <c r="D111" s="52" t="s">
        <v>7</v>
      </c>
      <c r="E111" s="113" t="s">
        <v>7</v>
      </c>
      <c r="F111" s="52"/>
      <c r="G111" s="53"/>
      <c r="H111" s="90" t="s">
        <v>7</v>
      </c>
    </row>
    <row r="112" spans="1:8" ht="12.95" customHeight="1">
      <c r="A112" s="78" t="s">
        <v>7</v>
      </c>
      <c r="B112" s="109" t="s">
        <v>7</v>
      </c>
      <c r="C112" s="100" t="s">
        <v>7</v>
      </c>
      <c r="D112" s="60" t="s">
        <v>7</v>
      </c>
      <c r="E112" s="112" t="s">
        <v>7</v>
      </c>
      <c r="F112" s="60"/>
      <c r="G112" s="54"/>
      <c r="H112" s="91" t="s">
        <v>7</v>
      </c>
    </row>
    <row r="113" spans="1:8" ht="12.95" customHeight="1">
      <c r="A113" s="78"/>
      <c r="B113" s="45"/>
      <c r="C113" s="32"/>
      <c r="D113" s="61"/>
      <c r="E113" s="46"/>
      <c r="F113" s="61"/>
      <c r="G113" s="55"/>
      <c r="H113" s="12"/>
    </row>
    <row r="114" spans="1:8" ht="12.95" customHeight="1">
      <c r="A114" s="78"/>
      <c r="B114" s="40"/>
      <c r="C114" s="25"/>
      <c r="D114" s="52"/>
      <c r="E114" s="41"/>
      <c r="F114" s="64"/>
      <c r="G114" s="53"/>
      <c r="H114" s="5"/>
    </row>
    <row r="115" spans="1:8" ht="12.95" customHeight="1">
      <c r="A115" s="78"/>
      <c r="B115" s="42"/>
      <c r="C115" s="28"/>
      <c r="D115" s="60"/>
      <c r="E115" s="43"/>
      <c r="F115" s="60"/>
      <c r="G115" s="54"/>
      <c r="H115" s="8"/>
    </row>
    <row r="116" spans="1:8" ht="12.95" customHeight="1">
      <c r="A116" s="78"/>
      <c r="B116" s="45"/>
      <c r="C116" s="32"/>
      <c r="D116" s="61"/>
      <c r="E116" s="46"/>
      <c r="F116" s="61"/>
      <c r="G116" s="55"/>
      <c r="H116" s="12"/>
    </row>
    <row r="117" spans="1:8" ht="12.95" customHeight="1">
      <c r="A117" s="78"/>
      <c r="B117" s="40"/>
      <c r="C117" s="25"/>
      <c r="D117" s="52"/>
      <c r="E117" s="44"/>
      <c r="F117" s="52"/>
      <c r="G117" s="53"/>
      <c r="H117" s="5"/>
    </row>
    <row r="118" spans="1:8" ht="12.95" customHeight="1">
      <c r="A118" s="78"/>
      <c r="B118" s="42"/>
      <c r="C118" s="28"/>
      <c r="D118" s="60"/>
      <c r="E118" s="43"/>
      <c r="F118" s="60"/>
      <c r="G118" s="54"/>
      <c r="H118" s="8"/>
    </row>
    <row r="119" spans="1:8" ht="12.95" customHeight="1">
      <c r="A119" s="78"/>
      <c r="B119" s="45"/>
      <c r="C119" s="32"/>
      <c r="D119" s="61"/>
      <c r="E119" s="46"/>
      <c r="F119" s="61"/>
      <c r="G119" s="55"/>
      <c r="H119" s="12"/>
    </row>
    <row r="120" spans="1:8" ht="12.95" customHeight="1">
      <c r="A120" s="78"/>
      <c r="B120" s="40"/>
      <c r="C120" s="25"/>
      <c r="D120" s="52"/>
      <c r="E120" s="44"/>
      <c r="F120" s="52"/>
      <c r="G120" s="53"/>
      <c r="H120" s="5"/>
    </row>
    <row r="121" spans="1:8" ht="12.95" customHeight="1">
      <c r="A121" s="78"/>
      <c r="B121" s="42"/>
      <c r="C121" s="28"/>
      <c r="D121" s="60"/>
      <c r="E121" s="43"/>
      <c r="F121" s="60"/>
      <c r="G121" s="54"/>
      <c r="H121" s="8"/>
    </row>
    <row r="122" spans="1:8" ht="12.95" customHeight="1">
      <c r="A122" s="78"/>
      <c r="B122" s="45"/>
      <c r="C122" s="32"/>
      <c r="D122" s="61"/>
      <c r="E122" s="46"/>
      <c r="F122" s="61"/>
      <c r="G122" s="55"/>
      <c r="H122" s="12"/>
    </row>
    <row r="123" spans="1:8" ht="12.95" customHeight="1">
      <c r="A123" s="78"/>
      <c r="B123" s="40"/>
      <c r="C123" s="25"/>
      <c r="D123" s="52"/>
      <c r="E123" s="44"/>
      <c r="F123" s="52"/>
      <c r="G123" s="53"/>
      <c r="H123" s="5"/>
    </row>
    <row r="124" spans="1:8" ht="12.95" customHeight="1">
      <c r="A124" s="78"/>
      <c r="B124" s="42"/>
      <c r="C124" s="28"/>
      <c r="D124" s="60"/>
      <c r="E124" s="48"/>
      <c r="F124" s="66"/>
      <c r="G124" s="54"/>
      <c r="H124" s="8"/>
    </row>
    <row r="125" spans="1:8" ht="12.95" customHeight="1">
      <c r="A125" s="78"/>
      <c r="B125" s="45"/>
      <c r="C125" s="32"/>
      <c r="D125" s="61"/>
      <c r="E125" s="46"/>
      <c r="F125" s="61"/>
      <c r="G125" s="55"/>
      <c r="H125" s="12"/>
    </row>
    <row r="126" spans="1:8" ht="12.95" customHeight="1">
      <c r="A126" s="78"/>
      <c r="B126" s="40"/>
      <c r="C126" s="25"/>
      <c r="D126" s="62"/>
      <c r="E126" s="44"/>
      <c r="F126" s="62"/>
      <c r="G126" s="53"/>
      <c r="H126" s="5"/>
    </row>
    <row r="127" spans="1:8" ht="12.95" customHeight="1">
      <c r="A127" s="78"/>
      <c r="B127" s="50"/>
      <c r="C127" s="38"/>
      <c r="D127" s="63"/>
      <c r="E127" s="51"/>
      <c r="F127" s="63"/>
      <c r="G127" s="57"/>
      <c r="H127" s="18"/>
    </row>
    <row r="128" spans="1:8" ht="0.95" customHeight="1">
      <c r="B128" s="19"/>
      <c r="C128" s="19"/>
      <c r="D128" s="19"/>
      <c r="E128" s="19"/>
      <c r="F128" s="67"/>
      <c r="G128" s="19"/>
      <c r="H128" s="19"/>
    </row>
    <row r="129" spans="1:8" s="1" customFormat="1" ht="18" customHeight="1">
      <c r="B129" s="79" t="s">
        <v>137</v>
      </c>
      <c r="C129" s="79"/>
      <c r="D129" s="79"/>
      <c r="E129" s="79"/>
      <c r="F129" s="79"/>
      <c r="G129" s="79"/>
      <c r="H129" s="80"/>
    </row>
    <row r="130" spans="1:8" ht="21" customHeight="1">
      <c r="A130" s="78"/>
      <c r="B130" s="207" t="s">
        <v>29</v>
      </c>
      <c r="C130" s="208"/>
      <c r="D130" s="208" t="s">
        <v>138</v>
      </c>
      <c r="E130" s="208"/>
      <c r="F130" s="208"/>
      <c r="G130" s="208" t="s">
        <v>139</v>
      </c>
      <c r="H130" s="209"/>
    </row>
    <row r="131" spans="1:8" ht="21" customHeight="1">
      <c r="A131" s="78"/>
      <c r="B131" s="105" t="s">
        <v>140</v>
      </c>
      <c r="C131" s="106" t="s">
        <v>141</v>
      </c>
      <c r="D131" s="106" t="s">
        <v>142</v>
      </c>
      <c r="E131" s="106" t="s">
        <v>38</v>
      </c>
      <c r="F131" s="106" t="s">
        <v>143</v>
      </c>
      <c r="G131" s="106" t="s">
        <v>144</v>
      </c>
      <c r="H131" s="107" t="s">
        <v>27</v>
      </c>
    </row>
    <row r="132" spans="1:8" ht="12.95" customHeight="1">
      <c r="A132" s="78" t="s">
        <v>7</v>
      </c>
      <c r="B132" s="108" t="s">
        <v>145</v>
      </c>
      <c r="C132" s="98" t="s">
        <v>146</v>
      </c>
      <c r="D132" s="52" t="s">
        <v>7</v>
      </c>
      <c r="E132" s="113" t="s">
        <v>7</v>
      </c>
      <c r="F132" s="124" t="s">
        <v>7</v>
      </c>
      <c r="G132" s="53" t="s">
        <v>7</v>
      </c>
      <c r="H132" s="90"/>
    </row>
    <row r="133" spans="1:8" ht="12.95" customHeight="1">
      <c r="A133" s="78" t="s">
        <v>7</v>
      </c>
      <c r="B133" s="108" t="s">
        <v>7</v>
      </c>
      <c r="C133" s="98" t="s">
        <v>7</v>
      </c>
      <c r="D133" s="52" t="s">
        <v>30</v>
      </c>
      <c r="E133" s="113" t="s">
        <v>7</v>
      </c>
      <c r="F133" s="52"/>
      <c r="G133" s="53"/>
      <c r="H133" s="90"/>
    </row>
    <row r="134" spans="1:8" ht="12.95" customHeight="1">
      <c r="A134" s="78" t="s">
        <v>7</v>
      </c>
      <c r="B134" s="109" t="s">
        <v>7</v>
      </c>
      <c r="C134" s="100" t="s">
        <v>7</v>
      </c>
      <c r="D134" s="60" t="s">
        <v>7</v>
      </c>
      <c r="E134" s="112" t="s">
        <v>31</v>
      </c>
      <c r="F134" s="126"/>
      <c r="G134" s="54"/>
      <c r="H134" s="91"/>
    </row>
    <row r="135" spans="1:8" ht="12.95" customHeight="1">
      <c r="A135" s="78" t="s">
        <v>7</v>
      </c>
      <c r="B135" s="108" t="s">
        <v>147</v>
      </c>
      <c r="C135" s="98" t="s">
        <v>7</v>
      </c>
      <c r="D135" s="52" t="s">
        <v>7</v>
      </c>
      <c r="E135" s="113" t="s">
        <v>7</v>
      </c>
      <c r="F135" s="124"/>
      <c r="G135" s="53"/>
      <c r="H135" s="90"/>
    </row>
    <row r="136" spans="1:8" ht="12.95" customHeight="1">
      <c r="A136" s="78" t="s">
        <v>7</v>
      </c>
      <c r="B136" s="108" t="s">
        <v>148</v>
      </c>
      <c r="C136" s="98" t="s">
        <v>7</v>
      </c>
      <c r="D136" s="52" t="s">
        <v>149</v>
      </c>
      <c r="E136" s="113" t="s">
        <v>7</v>
      </c>
      <c r="F136" s="52"/>
      <c r="G136" s="53"/>
      <c r="H136" s="90"/>
    </row>
    <row r="137" spans="1:8" ht="12.95" customHeight="1">
      <c r="A137" s="78" t="s">
        <v>7</v>
      </c>
      <c r="B137" s="109" t="s">
        <v>7</v>
      </c>
      <c r="C137" s="100" t="s">
        <v>7</v>
      </c>
      <c r="D137" s="60" t="s">
        <v>7</v>
      </c>
      <c r="E137" s="112" t="s">
        <v>119</v>
      </c>
      <c r="F137" s="126"/>
      <c r="G137" s="54"/>
      <c r="H137" s="91"/>
    </row>
    <row r="138" spans="1:8" ht="12.95" customHeight="1">
      <c r="A138" s="78" t="s">
        <v>7</v>
      </c>
      <c r="B138" s="108" t="s">
        <v>150</v>
      </c>
      <c r="C138" s="98" t="s">
        <v>151</v>
      </c>
      <c r="D138" s="52" t="s">
        <v>7</v>
      </c>
      <c r="E138" s="113" t="s">
        <v>7</v>
      </c>
      <c r="F138" s="124"/>
      <c r="G138" s="53"/>
      <c r="H138" s="90"/>
    </row>
    <row r="139" spans="1:8" ht="12.95" customHeight="1">
      <c r="A139" s="78" t="s">
        <v>7</v>
      </c>
      <c r="B139" s="108" t="s">
        <v>7</v>
      </c>
      <c r="C139" s="98" t="s">
        <v>152</v>
      </c>
      <c r="D139" s="52" t="s">
        <v>153</v>
      </c>
      <c r="E139" s="113" t="s">
        <v>7</v>
      </c>
      <c r="F139" s="52"/>
      <c r="G139" s="53"/>
      <c r="H139" s="90"/>
    </row>
    <row r="140" spans="1:8" ht="12.95" customHeight="1">
      <c r="A140" s="78" t="s">
        <v>7</v>
      </c>
      <c r="B140" s="109" t="s">
        <v>7</v>
      </c>
      <c r="C140" s="100" t="s">
        <v>7</v>
      </c>
      <c r="D140" s="60" t="s">
        <v>7</v>
      </c>
      <c r="E140" s="112" t="s">
        <v>119</v>
      </c>
      <c r="F140" s="126"/>
      <c r="G140" s="54"/>
      <c r="H140" s="91"/>
    </row>
    <row r="141" spans="1:8" ht="12.95" customHeight="1">
      <c r="A141" s="78" t="s">
        <v>7</v>
      </c>
      <c r="B141" s="108" t="s">
        <v>154</v>
      </c>
      <c r="C141" s="98" t="s">
        <v>129</v>
      </c>
      <c r="D141" s="52" t="s">
        <v>7</v>
      </c>
      <c r="E141" s="113" t="s">
        <v>7</v>
      </c>
      <c r="F141" s="124"/>
      <c r="G141" s="53"/>
      <c r="H141" s="90"/>
    </row>
    <row r="142" spans="1:8" ht="12.95" customHeight="1">
      <c r="A142" s="78" t="s">
        <v>7</v>
      </c>
      <c r="B142" s="108" t="s">
        <v>7</v>
      </c>
      <c r="C142" s="98" t="s">
        <v>7</v>
      </c>
      <c r="D142" s="52" t="s">
        <v>30</v>
      </c>
      <c r="E142" s="113" t="s">
        <v>7</v>
      </c>
      <c r="F142" s="52"/>
      <c r="G142" s="53"/>
      <c r="H142" s="90"/>
    </row>
    <row r="143" spans="1:8" ht="12.95" customHeight="1">
      <c r="A143" s="78" t="s">
        <v>7</v>
      </c>
      <c r="B143" s="109" t="s">
        <v>7</v>
      </c>
      <c r="C143" s="100" t="s">
        <v>7</v>
      </c>
      <c r="D143" s="60" t="s">
        <v>7</v>
      </c>
      <c r="E143" s="112" t="s">
        <v>130</v>
      </c>
      <c r="F143" s="126"/>
      <c r="G143" s="54"/>
      <c r="H143" s="91"/>
    </row>
    <row r="144" spans="1:8" ht="12.95" customHeight="1">
      <c r="A144" s="78" t="s">
        <v>7</v>
      </c>
      <c r="B144" s="108" t="s">
        <v>155</v>
      </c>
      <c r="C144" s="98" t="s">
        <v>156</v>
      </c>
      <c r="D144" s="52" t="s">
        <v>7</v>
      </c>
      <c r="E144" s="113" t="s">
        <v>7</v>
      </c>
      <c r="F144" s="124"/>
      <c r="G144" s="53"/>
      <c r="H144" s="90"/>
    </row>
    <row r="145" spans="1:8" ht="12.95" customHeight="1">
      <c r="A145" s="78" t="s">
        <v>7</v>
      </c>
      <c r="B145" s="108" t="s">
        <v>157</v>
      </c>
      <c r="C145" s="98" t="s">
        <v>7</v>
      </c>
      <c r="D145" s="52" t="s">
        <v>133</v>
      </c>
      <c r="E145" s="113" t="s">
        <v>7</v>
      </c>
      <c r="F145" s="52"/>
      <c r="G145" s="53"/>
      <c r="H145" s="90"/>
    </row>
    <row r="146" spans="1:8" ht="12.95" customHeight="1">
      <c r="A146" s="78" t="s">
        <v>7</v>
      </c>
      <c r="B146" s="109" t="s">
        <v>7</v>
      </c>
      <c r="C146" s="100" t="s">
        <v>7</v>
      </c>
      <c r="D146" s="60" t="s">
        <v>7</v>
      </c>
      <c r="E146" s="112" t="s">
        <v>134</v>
      </c>
      <c r="F146" s="126"/>
      <c r="G146" s="54"/>
      <c r="H146" s="91"/>
    </row>
    <row r="147" spans="1:8" ht="12.95" customHeight="1">
      <c r="A147" s="78" t="s">
        <v>7</v>
      </c>
      <c r="B147" s="108" t="s">
        <v>158</v>
      </c>
      <c r="C147" s="98" t="s">
        <v>159</v>
      </c>
      <c r="D147" s="52" t="s">
        <v>7</v>
      </c>
      <c r="E147" s="113" t="s">
        <v>7</v>
      </c>
      <c r="F147" s="124"/>
      <c r="G147" s="53"/>
      <c r="H147" s="90"/>
    </row>
    <row r="148" spans="1:8" ht="12.95" customHeight="1">
      <c r="A148" s="78" t="s">
        <v>7</v>
      </c>
      <c r="B148" s="108" t="s">
        <v>160</v>
      </c>
      <c r="C148" s="98" t="s">
        <v>7</v>
      </c>
      <c r="D148" s="52" t="s">
        <v>30</v>
      </c>
      <c r="E148" s="113" t="s">
        <v>7</v>
      </c>
      <c r="F148" s="52"/>
      <c r="G148" s="53"/>
      <c r="H148" s="90"/>
    </row>
    <row r="149" spans="1:8" ht="12.95" customHeight="1">
      <c r="A149" s="78" t="s">
        <v>7</v>
      </c>
      <c r="B149" s="109" t="s">
        <v>7</v>
      </c>
      <c r="C149" s="100" t="s">
        <v>7</v>
      </c>
      <c r="D149" s="60" t="s">
        <v>7</v>
      </c>
      <c r="E149" s="112" t="s">
        <v>130</v>
      </c>
      <c r="F149" s="126"/>
      <c r="G149" s="54"/>
      <c r="H149" s="91"/>
    </row>
    <row r="150" spans="1:8" ht="12.95" customHeight="1">
      <c r="A150" s="78" t="s">
        <v>7</v>
      </c>
      <c r="B150" s="108" t="s">
        <v>161</v>
      </c>
      <c r="C150" s="98" t="s">
        <v>162</v>
      </c>
      <c r="D150" s="52" t="s">
        <v>7</v>
      </c>
      <c r="E150" s="113" t="s">
        <v>7</v>
      </c>
      <c r="F150" s="124"/>
      <c r="G150" s="53"/>
      <c r="H150" s="90"/>
    </row>
    <row r="151" spans="1:8" ht="12.95" customHeight="1">
      <c r="A151" s="78" t="s">
        <v>7</v>
      </c>
      <c r="B151" s="108" t="s">
        <v>7</v>
      </c>
      <c r="C151" s="98" t="s">
        <v>7</v>
      </c>
      <c r="D151" s="52" t="s">
        <v>30</v>
      </c>
      <c r="E151" s="113" t="s">
        <v>7</v>
      </c>
      <c r="F151" s="52"/>
      <c r="G151" s="53"/>
      <c r="H151" s="90"/>
    </row>
    <row r="152" spans="1:8" ht="12.95" customHeight="1">
      <c r="A152" s="78" t="s">
        <v>7</v>
      </c>
      <c r="B152" s="109" t="s">
        <v>7</v>
      </c>
      <c r="C152" s="100" t="s">
        <v>7</v>
      </c>
      <c r="D152" s="60" t="s">
        <v>7</v>
      </c>
      <c r="E152" s="112" t="s">
        <v>130</v>
      </c>
      <c r="F152" s="126"/>
      <c r="G152" s="54"/>
      <c r="H152" s="91"/>
    </row>
    <row r="153" spans="1:8" ht="12.95" customHeight="1">
      <c r="A153" s="78" t="s">
        <v>7</v>
      </c>
      <c r="B153" s="108" t="s">
        <v>163</v>
      </c>
      <c r="C153" s="98" t="s">
        <v>164</v>
      </c>
      <c r="D153" s="52" t="s">
        <v>7</v>
      </c>
      <c r="E153" s="113" t="s">
        <v>7</v>
      </c>
      <c r="F153" s="124"/>
      <c r="G153" s="53"/>
      <c r="H153" s="90"/>
    </row>
    <row r="154" spans="1:8" ht="12.95" customHeight="1">
      <c r="A154" s="78" t="s">
        <v>7</v>
      </c>
      <c r="B154" s="108" t="s">
        <v>7</v>
      </c>
      <c r="C154" s="98" t="s">
        <v>7</v>
      </c>
      <c r="D154" s="52" t="s">
        <v>30</v>
      </c>
      <c r="E154" s="113" t="s">
        <v>7</v>
      </c>
      <c r="F154" s="52"/>
      <c r="G154" s="53"/>
      <c r="H154" s="90"/>
    </row>
    <row r="155" spans="1:8" ht="12.95" customHeight="1">
      <c r="A155" s="78" t="s">
        <v>7</v>
      </c>
      <c r="B155" s="109" t="s">
        <v>7</v>
      </c>
      <c r="C155" s="100" t="s">
        <v>7</v>
      </c>
      <c r="D155" s="60" t="s">
        <v>7</v>
      </c>
      <c r="E155" s="112" t="s">
        <v>130</v>
      </c>
      <c r="F155" s="126"/>
      <c r="G155" s="54"/>
      <c r="H155" s="91"/>
    </row>
    <row r="156" spans="1:8" ht="12.95" customHeight="1">
      <c r="A156" s="78" t="s">
        <v>7</v>
      </c>
      <c r="B156" s="108" t="s">
        <v>165</v>
      </c>
      <c r="C156" s="98" t="s">
        <v>166</v>
      </c>
      <c r="D156" s="52" t="s">
        <v>7</v>
      </c>
      <c r="E156" s="113" t="s">
        <v>7</v>
      </c>
      <c r="F156" s="124"/>
      <c r="G156" s="53"/>
      <c r="H156" s="90"/>
    </row>
    <row r="157" spans="1:8" ht="12.95" customHeight="1">
      <c r="A157" s="78" t="s">
        <v>7</v>
      </c>
      <c r="B157" s="108" t="s">
        <v>7</v>
      </c>
      <c r="C157" s="98" t="s">
        <v>167</v>
      </c>
      <c r="D157" s="52" t="s">
        <v>30</v>
      </c>
      <c r="E157" s="113" t="s">
        <v>7</v>
      </c>
      <c r="F157" s="52"/>
      <c r="G157" s="53"/>
      <c r="H157" s="90"/>
    </row>
    <row r="158" spans="1:8" ht="12.95" customHeight="1">
      <c r="A158" s="78" t="s">
        <v>7</v>
      </c>
      <c r="B158" s="109" t="s">
        <v>7</v>
      </c>
      <c r="C158" s="100" t="s">
        <v>168</v>
      </c>
      <c r="D158" s="60" t="s">
        <v>7</v>
      </c>
      <c r="E158" s="112" t="s">
        <v>130</v>
      </c>
      <c r="F158" s="126"/>
      <c r="G158" s="54"/>
      <c r="H158" s="91"/>
    </row>
    <row r="159" spans="1:8" ht="12.95" customHeight="1">
      <c r="A159" s="78" t="s">
        <v>7</v>
      </c>
      <c r="B159" s="108" t="s">
        <v>169</v>
      </c>
      <c r="C159" s="98" t="s">
        <v>170</v>
      </c>
      <c r="D159" s="52" t="s">
        <v>7</v>
      </c>
      <c r="E159" s="113" t="s">
        <v>7</v>
      </c>
      <c r="F159" s="124"/>
      <c r="G159" s="53"/>
      <c r="H159" s="90"/>
    </row>
    <row r="160" spans="1:8" ht="12.95" customHeight="1">
      <c r="A160" s="78" t="s">
        <v>7</v>
      </c>
      <c r="B160" s="108" t="s">
        <v>7</v>
      </c>
      <c r="C160" s="98" t="s">
        <v>171</v>
      </c>
      <c r="D160" s="52" t="s">
        <v>30</v>
      </c>
      <c r="E160" s="113" t="s">
        <v>7</v>
      </c>
      <c r="F160" s="52"/>
      <c r="G160" s="53"/>
      <c r="H160" s="90"/>
    </row>
    <row r="161" spans="1:8" ht="12.95" customHeight="1">
      <c r="A161" s="78" t="s">
        <v>7</v>
      </c>
      <c r="B161" s="109" t="s">
        <v>7</v>
      </c>
      <c r="C161" s="100" t="s">
        <v>7</v>
      </c>
      <c r="D161" s="60" t="s">
        <v>7</v>
      </c>
      <c r="E161" s="112" t="s">
        <v>130</v>
      </c>
      <c r="F161" s="126"/>
      <c r="G161" s="54"/>
      <c r="H161" s="91"/>
    </row>
    <row r="162" spans="1:8" ht="12.95" customHeight="1">
      <c r="A162" s="78" t="s">
        <v>7</v>
      </c>
      <c r="B162" s="108" t="s">
        <v>165</v>
      </c>
      <c r="C162" s="98" t="s">
        <v>172</v>
      </c>
      <c r="D162" s="52" t="s">
        <v>7</v>
      </c>
      <c r="E162" s="113" t="s">
        <v>7</v>
      </c>
      <c r="F162" s="124"/>
      <c r="G162" s="53"/>
      <c r="H162" s="90"/>
    </row>
    <row r="163" spans="1:8" ht="12.95" customHeight="1">
      <c r="A163" s="78" t="s">
        <v>7</v>
      </c>
      <c r="B163" s="108" t="s">
        <v>7</v>
      </c>
      <c r="C163" s="98" t="s">
        <v>173</v>
      </c>
      <c r="D163" s="52" t="s">
        <v>30</v>
      </c>
      <c r="E163" s="113" t="s">
        <v>7</v>
      </c>
      <c r="F163" s="52"/>
      <c r="G163" s="53"/>
      <c r="H163" s="90"/>
    </row>
    <row r="164" spans="1:8" ht="12.95" customHeight="1">
      <c r="A164" s="78" t="s">
        <v>7</v>
      </c>
      <c r="B164" s="109" t="s">
        <v>7</v>
      </c>
      <c r="C164" s="100" t="s">
        <v>7</v>
      </c>
      <c r="D164" s="60" t="s">
        <v>7</v>
      </c>
      <c r="E164" s="112" t="s">
        <v>130</v>
      </c>
      <c r="F164" s="126"/>
      <c r="G164" s="54"/>
      <c r="H164" s="91"/>
    </row>
    <row r="165" spans="1:8" ht="12.95" customHeight="1">
      <c r="A165" s="78" t="s">
        <v>7</v>
      </c>
      <c r="B165" s="108" t="s">
        <v>174</v>
      </c>
      <c r="C165" s="98" t="s">
        <v>175</v>
      </c>
      <c r="D165" s="52" t="s">
        <v>7</v>
      </c>
      <c r="E165" s="113" t="s">
        <v>7</v>
      </c>
      <c r="F165" s="124"/>
      <c r="G165" s="53"/>
      <c r="H165" s="90"/>
    </row>
    <row r="166" spans="1:8" ht="12.95" customHeight="1">
      <c r="A166" s="78" t="s">
        <v>7</v>
      </c>
      <c r="B166" s="108" t="s">
        <v>7</v>
      </c>
      <c r="C166" s="98" t="s">
        <v>7</v>
      </c>
      <c r="D166" s="52" t="s">
        <v>30</v>
      </c>
      <c r="E166" s="113" t="s">
        <v>7</v>
      </c>
      <c r="F166" s="52"/>
      <c r="G166" s="53"/>
      <c r="H166" s="90"/>
    </row>
    <row r="167" spans="1:8" ht="12.95" customHeight="1">
      <c r="A167" s="78" t="s">
        <v>7</v>
      </c>
      <c r="B167" s="109" t="s">
        <v>7</v>
      </c>
      <c r="C167" s="100" t="s">
        <v>7</v>
      </c>
      <c r="D167" s="60" t="s">
        <v>7</v>
      </c>
      <c r="E167" s="112" t="s">
        <v>31</v>
      </c>
      <c r="F167" s="126" t="s">
        <v>7</v>
      </c>
      <c r="G167" s="54" t="s">
        <v>7</v>
      </c>
      <c r="H167" s="91"/>
    </row>
    <row r="168" spans="1:8" ht="12.95" customHeight="1">
      <c r="A168" s="78" t="s">
        <v>7</v>
      </c>
      <c r="B168" s="110" t="s">
        <v>34</v>
      </c>
      <c r="C168" s="98" t="s">
        <v>7</v>
      </c>
      <c r="D168" s="52" t="s">
        <v>7</v>
      </c>
      <c r="E168" s="113" t="s">
        <v>7</v>
      </c>
      <c r="F168" s="52" t="s">
        <v>7</v>
      </c>
      <c r="G168" s="53" t="s">
        <v>7</v>
      </c>
      <c r="H168" s="90"/>
    </row>
    <row r="169" spans="1:8" ht="12.95" customHeight="1">
      <c r="A169" s="78" t="s">
        <v>7</v>
      </c>
      <c r="B169" s="108" t="s">
        <v>7</v>
      </c>
      <c r="C169" s="98" t="s">
        <v>7</v>
      </c>
      <c r="D169" s="52" t="s">
        <v>7</v>
      </c>
      <c r="E169" s="113" t="s">
        <v>7</v>
      </c>
      <c r="F169" s="52" t="s">
        <v>7</v>
      </c>
      <c r="G169" s="53"/>
      <c r="H169" s="90"/>
    </row>
    <row r="170" spans="1:8" ht="12.95" customHeight="1">
      <c r="A170" s="78" t="s">
        <v>7</v>
      </c>
      <c r="B170" s="109" t="s">
        <v>7</v>
      </c>
      <c r="C170" s="100" t="s">
        <v>7</v>
      </c>
      <c r="D170" s="60" t="s">
        <v>7</v>
      </c>
      <c r="E170" s="112" t="s">
        <v>7</v>
      </c>
      <c r="F170" s="60" t="s">
        <v>7</v>
      </c>
      <c r="G170" s="54" t="s">
        <v>7</v>
      </c>
      <c r="H170" s="91"/>
    </row>
    <row r="171" spans="1:8" ht="12.95" customHeight="1">
      <c r="A171" s="78"/>
      <c r="B171" s="45"/>
      <c r="C171" s="32"/>
      <c r="D171" s="61"/>
      <c r="E171" s="46"/>
      <c r="F171" s="61"/>
      <c r="G171" s="55"/>
      <c r="H171" s="12"/>
    </row>
    <row r="172" spans="1:8" ht="12.95" customHeight="1">
      <c r="A172" s="78"/>
      <c r="B172" s="40"/>
      <c r="C172" s="25"/>
      <c r="D172" s="52"/>
      <c r="E172" s="44"/>
      <c r="F172" s="52"/>
      <c r="G172" s="53"/>
      <c r="H172" s="5"/>
    </row>
    <row r="173" spans="1:8" ht="12.95" customHeight="1">
      <c r="A173" s="78"/>
      <c r="B173" s="42"/>
      <c r="C173" s="28"/>
      <c r="D173" s="60"/>
      <c r="E173" s="43"/>
      <c r="F173" s="60"/>
      <c r="G173" s="54"/>
      <c r="H173" s="8"/>
    </row>
    <row r="174" spans="1:8" ht="12.95" customHeight="1">
      <c r="A174" s="78"/>
      <c r="B174" s="45"/>
      <c r="C174" s="32"/>
      <c r="D174" s="61"/>
      <c r="E174" s="46"/>
      <c r="F174" s="61"/>
      <c r="G174" s="55"/>
      <c r="H174" s="12"/>
    </row>
    <row r="175" spans="1:8" ht="12.95" customHeight="1">
      <c r="A175" s="78"/>
      <c r="B175" s="40"/>
      <c r="C175" s="25"/>
      <c r="D175" s="52"/>
      <c r="E175" s="44"/>
      <c r="F175" s="52"/>
      <c r="G175" s="53"/>
      <c r="H175" s="5"/>
    </row>
    <row r="176" spans="1:8" ht="12.95" customHeight="1">
      <c r="A176" s="78"/>
      <c r="B176" s="42"/>
      <c r="C176" s="28"/>
      <c r="D176" s="60"/>
      <c r="E176" s="43"/>
      <c r="F176" s="60"/>
      <c r="G176" s="54"/>
      <c r="H176" s="8"/>
    </row>
    <row r="177" spans="1:8" ht="12.95" customHeight="1">
      <c r="A177" s="78"/>
      <c r="B177" s="45"/>
      <c r="C177" s="32"/>
      <c r="D177" s="61"/>
      <c r="E177" s="46"/>
      <c r="F177" s="61"/>
      <c r="G177" s="55"/>
      <c r="H177" s="12"/>
    </row>
    <row r="178" spans="1:8" ht="12.95" customHeight="1">
      <c r="A178" s="78"/>
      <c r="B178" s="40"/>
      <c r="C178" s="25"/>
      <c r="D178" s="52"/>
      <c r="E178" s="41"/>
      <c r="F178" s="64"/>
      <c r="G178" s="53"/>
      <c r="H178" s="5"/>
    </row>
    <row r="179" spans="1:8" ht="12.95" customHeight="1">
      <c r="A179" s="78"/>
      <c r="B179" s="42"/>
      <c r="C179" s="28"/>
      <c r="D179" s="60"/>
      <c r="E179" s="43"/>
      <c r="F179" s="60"/>
      <c r="G179" s="54"/>
      <c r="H179" s="8"/>
    </row>
    <row r="180" spans="1:8" ht="12.95" customHeight="1">
      <c r="A180" s="78"/>
      <c r="B180" s="45"/>
      <c r="C180" s="32"/>
      <c r="D180" s="61"/>
      <c r="E180" s="46"/>
      <c r="F180" s="61"/>
      <c r="G180" s="55"/>
      <c r="H180" s="12"/>
    </row>
    <row r="181" spans="1:8" ht="12.95" customHeight="1">
      <c r="A181" s="78"/>
      <c r="B181" s="40"/>
      <c r="C181" s="25"/>
      <c r="D181" s="52"/>
      <c r="E181" s="44"/>
      <c r="F181" s="52"/>
      <c r="G181" s="53"/>
      <c r="H181" s="5"/>
    </row>
    <row r="182" spans="1:8" ht="12.95" customHeight="1">
      <c r="A182" s="78"/>
      <c r="B182" s="42"/>
      <c r="C182" s="28"/>
      <c r="D182" s="60"/>
      <c r="E182" s="43"/>
      <c r="F182" s="60"/>
      <c r="G182" s="54"/>
      <c r="H182" s="8"/>
    </row>
    <row r="183" spans="1:8" ht="12.95" customHeight="1">
      <c r="A183" s="78"/>
      <c r="B183" s="45"/>
      <c r="C183" s="32"/>
      <c r="D183" s="61"/>
      <c r="E183" s="46"/>
      <c r="F183" s="61"/>
      <c r="G183" s="55"/>
      <c r="H183" s="12"/>
    </row>
    <row r="184" spans="1:8" ht="12.95" customHeight="1">
      <c r="A184" s="78"/>
      <c r="B184" s="40"/>
      <c r="C184" s="25"/>
      <c r="D184" s="52"/>
      <c r="E184" s="44"/>
      <c r="F184" s="52"/>
      <c r="G184" s="53"/>
      <c r="H184" s="5"/>
    </row>
    <row r="185" spans="1:8" ht="12.95" customHeight="1">
      <c r="A185" s="78"/>
      <c r="B185" s="42"/>
      <c r="C185" s="28"/>
      <c r="D185" s="60"/>
      <c r="E185" s="43"/>
      <c r="F185" s="60"/>
      <c r="G185" s="54"/>
      <c r="H185" s="8"/>
    </row>
    <row r="186" spans="1:8" ht="12.95" customHeight="1">
      <c r="A186" s="78"/>
      <c r="B186" s="45"/>
      <c r="C186" s="32"/>
      <c r="D186" s="61"/>
      <c r="E186" s="46"/>
      <c r="F186" s="61"/>
      <c r="G186" s="55"/>
      <c r="H186" s="12"/>
    </row>
    <row r="187" spans="1:8" ht="12.95" customHeight="1">
      <c r="A187" s="78"/>
      <c r="B187" s="40"/>
      <c r="C187" s="25"/>
      <c r="D187" s="52"/>
      <c r="E187" s="44"/>
      <c r="F187" s="52"/>
      <c r="G187" s="53"/>
      <c r="H187" s="5"/>
    </row>
    <row r="188" spans="1:8" ht="12.95" customHeight="1">
      <c r="A188" s="78"/>
      <c r="B188" s="42"/>
      <c r="C188" s="28"/>
      <c r="D188" s="60"/>
      <c r="E188" s="48"/>
      <c r="F188" s="66"/>
      <c r="G188" s="54"/>
      <c r="H188" s="8"/>
    </row>
    <row r="189" spans="1:8" ht="12.95" customHeight="1">
      <c r="A189" s="78"/>
      <c r="B189" s="45"/>
      <c r="C189" s="32"/>
      <c r="D189" s="61"/>
      <c r="E189" s="46"/>
      <c r="F189" s="61"/>
      <c r="G189" s="55"/>
      <c r="H189" s="12"/>
    </row>
    <row r="190" spans="1:8" ht="12.95" customHeight="1">
      <c r="A190" s="78"/>
      <c r="B190" s="40"/>
      <c r="C190" s="25"/>
      <c r="D190" s="62"/>
      <c r="E190" s="44"/>
      <c r="F190" s="62"/>
      <c r="G190" s="53"/>
      <c r="H190" s="5"/>
    </row>
    <row r="191" spans="1:8" ht="12.95" customHeight="1">
      <c r="A191" s="78"/>
      <c r="B191" s="50"/>
      <c r="C191" s="38"/>
      <c r="D191" s="63"/>
      <c r="E191" s="51"/>
      <c r="F191" s="63"/>
      <c r="G191" s="57"/>
      <c r="H191" s="18"/>
    </row>
    <row r="192" spans="1:8" ht="0.95" customHeight="1">
      <c r="B192" s="19"/>
      <c r="C192" s="19"/>
      <c r="D192" s="19"/>
      <c r="E192" s="19"/>
      <c r="F192" s="67"/>
      <c r="G192" s="19"/>
      <c r="H192" s="19"/>
    </row>
    <row r="193" spans="1:8" s="1" customFormat="1" ht="18" customHeight="1">
      <c r="B193" s="79" t="s">
        <v>137</v>
      </c>
      <c r="C193" s="79"/>
      <c r="D193" s="79"/>
      <c r="E193" s="79"/>
      <c r="F193" s="79"/>
      <c r="G193" s="79"/>
      <c r="H193" s="80"/>
    </row>
    <row r="194" spans="1:8" ht="21" customHeight="1">
      <c r="A194" s="78"/>
      <c r="B194" s="207" t="s">
        <v>29</v>
      </c>
      <c r="C194" s="208"/>
      <c r="D194" s="208" t="s">
        <v>176</v>
      </c>
      <c r="E194" s="208"/>
      <c r="F194" s="208"/>
      <c r="G194" s="208" t="s">
        <v>177</v>
      </c>
      <c r="H194" s="209"/>
    </row>
    <row r="195" spans="1:8" ht="21" customHeight="1">
      <c r="A195" s="78"/>
      <c r="B195" s="105" t="s">
        <v>140</v>
      </c>
      <c r="C195" s="106" t="s">
        <v>141</v>
      </c>
      <c r="D195" s="106" t="s">
        <v>142</v>
      </c>
      <c r="E195" s="106" t="s">
        <v>38</v>
      </c>
      <c r="F195" s="106" t="s">
        <v>143</v>
      </c>
      <c r="G195" s="106" t="s">
        <v>144</v>
      </c>
      <c r="H195" s="107" t="s">
        <v>27</v>
      </c>
    </row>
    <row r="196" spans="1:8" ht="12.95" customHeight="1">
      <c r="A196" s="78" t="s">
        <v>7</v>
      </c>
      <c r="B196" s="108" t="s">
        <v>178</v>
      </c>
      <c r="C196" s="98" t="s">
        <v>179</v>
      </c>
      <c r="D196" s="52" t="s">
        <v>7</v>
      </c>
      <c r="E196" s="113" t="s">
        <v>7</v>
      </c>
      <c r="F196" s="124"/>
      <c r="G196" s="53"/>
      <c r="H196" s="90"/>
    </row>
    <row r="197" spans="1:8" ht="12.95" customHeight="1">
      <c r="A197" s="78" t="s">
        <v>7</v>
      </c>
      <c r="B197" s="108" t="s">
        <v>7</v>
      </c>
      <c r="C197" s="98" t="s">
        <v>7</v>
      </c>
      <c r="D197" s="52" t="s">
        <v>30</v>
      </c>
      <c r="E197" s="113" t="s">
        <v>7</v>
      </c>
      <c r="F197" s="52"/>
      <c r="G197" s="53"/>
      <c r="H197" s="90"/>
    </row>
    <row r="198" spans="1:8" ht="12.95" customHeight="1">
      <c r="A198" s="78" t="s">
        <v>7</v>
      </c>
      <c r="B198" s="109" t="s">
        <v>7</v>
      </c>
      <c r="C198" s="100" t="s">
        <v>7</v>
      </c>
      <c r="D198" s="60" t="s">
        <v>7</v>
      </c>
      <c r="E198" s="112" t="s">
        <v>31</v>
      </c>
      <c r="F198" s="126"/>
      <c r="G198" s="54"/>
      <c r="H198" s="91"/>
    </row>
    <row r="199" spans="1:8" ht="12.95" customHeight="1">
      <c r="A199" s="78" t="s">
        <v>7</v>
      </c>
      <c r="B199" s="108" t="s">
        <v>180</v>
      </c>
      <c r="C199" s="98" t="s">
        <v>179</v>
      </c>
      <c r="D199" s="52" t="s">
        <v>7</v>
      </c>
      <c r="E199" s="113" t="s">
        <v>7</v>
      </c>
      <c r="F199" s="124"/>
      <c r="G199" s="53"/>
      <c r="H199" s="90"/>
    </row>
    <row r="200" spans="1:8" ht="12.95" customHeight="1">
      <c r="A200" s="78" t="s">
        <v>7</v>
      </c>
      <c r="B200" s="108" t="s">
        <v>7</v>
      </c>
      <c r="C200" s="98" t="s">
        <v>7</v>
      </c>
      <c r="D200" s="52" t="s">
        <v>30</v>
      </c>
      <c r="E200" s="113" t="s">
        <v>7</v>
      </c>
      <c r="F200" s="52"/>
      <c r="G200" s="53"/>
      <c r="H200" s="90"/>
    </row>
    <row r="201" spans="1:8" ht="12.95" customHeight="1">
      <c r="A201" s="78" t="s">
        <v>7</v>
      </c>
      <c r="B201" s="109" t="s">
        <v>7</v>
      </c>
      <c r="C201" s="100" t="s">
        <v>7</v>
      </c>
      <c r="D201" s="60" t="s">
        <v>7</v>
      </c>
      <c r="E201" s="112" t="s">
        <v>31</v>
      </c>
      <c r="F201" s="126"/>
      <c r="G201" s="54"/>
      <c r="H201" s="91"/>
    </row>
    <row r="202" spans="1:8" ht="12.95" customHeight="1">
      <c r="A202" s="78" t="s">
        <v>7</v>
      </c>
      <c r="B202" s="108" t="s">
        <v>181</v>
      </c>
      <c r="C202" s="98" t="s">
        <v>7</v>
      </c>
      <c r="D202" s="52" t="s">
        <v>7</v>
      </c>
      <c r="E202" s="113" t="s">
        <v>7</v>
      </c>
      <c r="F202" s="124"/>
      <c r="G202" s="53"/>
      <c r="H202" s="90"/>
    </row>
    <row r="203" spans="1:8" ht="12.95" customHeight="1">
      <c r="A203" s="78" t="s">
        <v>7</v>
      </c>
      <c r="B203" s="108" t="s">
        <v>7</v>
      </c>
      <c r="C203" s="98" t="s">
        <v>7</v>
      </c>
      <c r="D203" s="52" t="s">
        <v>30</v>
      </c>
      <c r="E203" s="113" t="s">
        <v>7</v>
      </c>
      <c r="F203" s="52"/>
      <c r="G203" s="53"/>
      <c r="H203" s="90"/>
    </row>
    <row r="204" spans="1:8" ht="12.95" customHeight="1">
      <c r="A204" s="78" t="s">
        <v>7</v>
      </c>
      <c r="B204" s="109" t="s">
        <v>7</v>
      </c>
      <c r="C204" s="100" t="s">
        <v>7</v>
      </c>
      <c r="D204" s="60" t="s">
        <v>7</v>
      </c>
      <c r="E204" s="112" t="s">
        <v>31</v>
      </c>
      <c r="F204" s="126"/>
      <c r="G204" s="54"/>
      <c r="H204" s="91"/>
    </row>
    <row r="205" spans="1:8" ht="12.95" customHeight="1">
      <c r="A205" s="78" t="s">
        <v>7</v>
      </c>
      <c r="B205" s="108" t="s">
        <v>182</v>
      </c>
      <c r="C205" s="98" t="s">
        <v>183</v>
      </c>
      <c r="D205" s="52" t="s">
        <v>7</v>
      </c>
      <c r="E205" s="113" t="s">
        <v>7</v>
      </c>
      <c r="F205" s="124"/>
      <c r="G205" s="53"/>
      <c r="H205" s="90"/>
    </row>
    <row r="206" spans="1:8" ht="12.95" customHeight="1">
      <c r="A206" s="78" t="s">
        <v>7</v>
      </c>
      <c r="B206" s="108" t="s">
        <v>7</v>
      </c>
      <c r="C206" s="98" t="s">
        <v>7</v>
      </c>
      <c r="D206" s="52" t="s">
        <v>184</v>
      </c>
      <c r="E206" s="113" t="s">
        <v>7</v>
      </c>
      <c r="F206" s="52"/>
      <c r="G206" s="53"/>
      <c r="H206" s="90"/>
    </row>
    <row r="207" spans="1:8" ht="12.95" customHeight="1">
      <c r="A207" s="78" t="s">
        <v>7</v>
      </c>
      <c r="B207" s="109" t="s">
        <v>7</v>
      </c>
      <c r="C207" s="100" t="s">
        <v>7</v>
      </c>
      <c r="D207" s="60" t="s">
        <v>7</v>
      </c>
      <c r="E207" s="112" t="s">
        <v>134</v>
      </c>
      <c r="F207" s="126"/>
      <c r="G207" s="54"/>
      <c r="H207" s="91"/>
    </row>
    <row r="208" spans="1:8" ht="12.95" customHeight="1">
      <c r="A208" s="78" t="s">
        <v>7</v>
      </c>
      <c r="B208" s="110" t="s">
        <v>34</v>
      </c>
      <c r="C208" s="98" t="s">
        <v>7</v>
      </c>
      <c r="D208" s="52" t="s">
        <v>7</v>
      </c>
      <c r="E208" s="113" t="s">
        <v>7</v>
      </c>
      <c r="F208" s="52"/>
      <c r="G208" s="53"/>
      <c r="H208" s="90" t="s">
        <v>7</v>
      </c>
    </row>
    <row r="209" spans="1:8" ht="12.95" customHeight="1">
      <c r="A209" s="78" t="s">
        <v>7</v>
      </c>
      <c r="B209" s="108" t="s">
        <v>7</v>
      </c>
      <c r="C209" s="98" t="s">
        <v>7</v>
      </c>
      <c r="D209" s="52" t="s">
        <v>7</v>
      </c>
      <c r="E209" s="113" t="s">
        <v>7</v>
      </c>
      <c r="F209" s="52"/>
      <c r="G209" s="53"/>
      <c r="H209" s="90" t="s">
        <v>7</v>
      </c>
    </row>
    <row r="210" spans="1:8" ht="12.95" customHeight="1">
      <c r="A210" s="78" t="s">
        <v>7</v>
      </c>
      <c r="B210" s="109" t="s">
        <v>7</v>
      </c>
      <c r="C210" s="100" t="s">
        <v>7</v>
      </c>
      <c r="D210" s="60" t="s">
        <v>7</v>
      </c>
      <c r="E210" s="112" t="s">
        <v>7</v>
      </c>
      <c r="F210" s="60"/>
      <c r="G210" s="54"/>
      <c r="H210" s="91" t="s">
        <v>7</v>
      </c>
    </row>
    <row r="211" spans="1:8" ht="12.95" customHeight="1">
      <c r="A211" s="78"/>
      <c r="B211" s="45"/>
      <c r="C211" s="32"/>
      <c r="D211" s="61"/>
      <c r="E211" s="46"/>
      <c r="F211" s="61"/>
      <c r="G211" s="55"/>
      <c r="H211" s="12"/>
    </row>
    <row r="212" spans="1:8" ht="12.95" customHeight="1">
      <c r="A212" s="78"/>
      <c r="B212" s="40"/>
      <c r="C212" s="25"/>
      <c r="D212" s="52"/>
      <c r="E212" s="44"/>
      <c r="F212" s="52"/>
      <c r="G212" s="53"/>
      <c r="H212" s="5"/>
    </row>
    <row r="213" spans="1:8" ht="12.95" customHeight="1">
      <c r="A213" s="78"/>
      <c r="B213" s="42"/>
      <c r="C213" s="28"/>
      <c r="D213" s="60"/>
      <c r="E213" s="43"/>
      <c r="F213" s="60"/>
      <c r="G213" s="54"/>
      <c r="H213" s="8"/>
    </row>
    <row r="214" spans="1:8" ht="12.95" customHeight="1">
      <c r="A214" s="78"/>
      <c r="B214" s="45"/>
      <c r="C214" s="32"/>
      <c r="D214" s="61"/>
      <c r="E214" s="46"/>
      <c r="F214" s="61"/>
      <c r="G214" s="55"/>
      <c r="H214" s="12"/>
    </row>
    <row r="215" spans="1:8" ht="12.95" customHeight="1">
      <c r="A215" s="78"/>
      <c r="B215" s="40"/>
      <c r="C215" s="25"/>
      <c r="D215" s="52"/>
      <c r="E215" s="44"/>
      <c r="F215" s="52"/>
      <c r="G215" s="53"/>
      <c r="H215" s="5"/>
    </row>
    <row r="216" spans="1:8" ht="12.95" customHeight="1">
      <c r="A216" s="78"/>
      <c r="B216" s="42"/>
      <c r="C216" s="28"/>
      <c r="D216" s="60"/>
      <c r="E216" s="43"/>
      <c r="F216" s="60"/>
      <c r="G216" s="54"/>
      <c r="H216" s="8"/>
    </row>
    <row r="217" spans="1:8" ht="12.95" customHeight="1">
      <c r="A217" s="78"/>
      <c r="B217" s="45"/>
      <c r="C217" s="32"/>
      <c r="D217" s="61"/>
      <c r="E217" s="46"/>
      <c r="F217" s="61"/>
      <c r="G217" s="55"/>
      <c r="H217" s="12"/>
    </row>
    <row r="218" spans="1:8" ht="12.95" customHeight="1">
      <c r="A218" s="78"/>
      <c r="B218" s="40"/>
      <c r="C218" s="25"/>
      <c r="D218" s="52"/>
      <c r="E218" s="44"/>
      <c r="F218" s="52"/>
      <c r="G218" s="53"/>
      <c r="H218" s="5"/>
    </row>
    <row r="219" spans="1:8" ht="12.95" customHeight="1">
      <c r="A219" s="78"/>
      <c r="B219" s="42"/>
      <c r="C219" s="28"/>
      <c r="D219" s="60"/>
      <c r="E219" s="43"/>
      <c r="F219" s="60"/>
      <c r="G219" s="54"/>
      <c r="H219" s="8"/>
    </row>
    <row r="220" spans="1:8" ht="12.95" customHeight="1">
      <c r="A220" s="78"/>
      <c r="B220" s="45"/>
      <c r="C220" s="32"/>
      <c r="D220" s="61"/>
      <c r="E220" s="46"/>
      <c r="F220" s="61"/>
      <c r="G220" s="55"/>
      <c r="H220" s="12"/>
    </row>
    <row r="221" spans="1:8" ht="12.95" customHeight="1">
      <c r="A221" s="78"/>
      <c r="B221" s="40"/>
      <c r="C221" s="25"/>
      <c r="D221" s="52"/>
      <c r="E221" s="44"/>
      <c r="F221" s="52"/>
      <c r="G221" s="53"/>
      <c r="H221" s="5"/>
    </row>
    <row r="222" spans="1:8" ht="12.95" customHeight="1">
      <c r="A222" s="78"/>
      <c r="B222" s="42"/>
      <c r="C222" s="28"/>
      <c r="D222" s="60"/>
      <c r="E222" s="43"/>
      <c r="F222" s="60"/>
      <c r="G222" s="54"/>
      <c r="H222" s="8"/>
    </row>
    <row r="223" spans="1:8" ht="12.95" customHeight="1">
      <c r="A223" s="78"/>
      <c r="B223" s="45"/>
      <c r="C223" s="32"/>
      <c r="D223" s="61"/>
      <c r="E223" s="46"/>
      <c r="F223" s="61"/>
      <c r="G223" s="55"/>
      <c r="H223" s="12"/>
    </row>
    <row r="224" spans="1:8" ht="12.95" customHeight="1">
      <c r="A224" s="78"/>
      <c r="B224" s="40"/>
      <c r="C224" s="25"/>
      <c r="D224" s="52"/>
      <c r="E224" s="44"/>
      <c r="F224" s="52"/>
      <c r="G224" s="53"/>
      <c r="H224" s="5"/>
    </row>
    <row r="225" spans="1:8" ht="12.95" customHeight="1">
      <c r="A225" s="78"/>
      <c r="B225" s="42"/>
      <c r="C225" s="28"/>
      <c r="D225" s="60"/>
      <c r="E225" s="43"/>
      <c r="F225" s="60"/>
      <c r="G225" s="54"/>
      <c r="H225" s="8"/>
    </row>
    <row r="226" spans="1:8" ht="12.95" customHeight="1">
      <c r="A226" s="78"/>
      <c r="B226" s="45"/>
      <c r="C226" s="32"/>
      <c r="D226" s="61"/>
      <c r="E226" s="46"/>
      <c r="F226" s="61"/>
      <c r="G226" s="55"/>
      <c r="H226" s="12"/>
    </row>
    <row r="227" spans="1:8" ht="12.95" customHeight="1">
      <c r="A227" s="78"/>
      <c r="B227" s="40"/>
      <c r="C227" s="25"/>
      <c r="D227" s="52"/>
      <c r="E227" s="44"/>
      <c r="F227" s="52"/>
      <c r="G227" s="53"/>
      <c r="H227" s="5"/>
    </row>
    <row r="228" spans="1:8" ht="12.95" customHeight="1">
      <c r="A228" s="78"/>
      <c r="B228" s="42"/>
      <c r="C228" s="28"/>
      <c r="D228" s="60"/>
      <c r="E228" s="43"/>
      <c r="F228" s="60"/>
      <c r="G228" s="54"/>
      <c r="H228" s="8"/>
    </row>
    <row r="229" spans="1:8" ht="12.95" customHeight="1">
      <c r="A229" s="78"/>
      <c r="B229" s="45"/>
      <c r="C229" s="32"/>
      <c r="D229" s="61"/>
      <c r="E229" s="46"/>
      <c r="F229" s="61"/>
      <c r="G229" s="55"/>
      <c r="H229" s="12"/>
    </row>
    <row r="230" spans="1:8" ht="12.95" customHeight="1">
      <c r="A230" s="78"/>
      <c r="B230" s="40"/>
      <c r="C230" s="25"/>
      <c r="D230" s="52"/>
      <c r="E230" s="44"/>
      <c r="F230" s="52"/>
      <c r="G230" s="53"/>
      <c r="H230" s="5"/>
    </row>
    <row r="231" spans="1:8" ht="12.95" customHeight="1">
      <c r="A231" s="78"/>
      <c r="B231" s="42"/>
      <c r="C231" s="28"/>
      <c r="D231" s="60"/>
      <c r="E231" s="43"/>
      <c r="F231" s="60"/>
      <c r="G231" s="54"/>
      <c r="H231" s="8"/>
    </row>
    <row r="232" spans="1:8" ht="12.95" customHeight="1">
      <c r="A232" s="78"/>
      <c r="B232" s="45"/>
      <c r="C232" s="32"/>
      <c r="D232" s="61"/>
      <c r="E232" s="47"/>
      <c r="F232" s="65"/>
      <c r="G232" s="55"/>
      <c r="H232" s="12"/>
    </row>
    <row r="233" spans="1:8" ht="12.95" customHeight="1">
      <c r="A233" s="78"/>
      <c r="B233" s="40"/>
      <c r="C233" s="25"/>
      <c r="D233" s="52"/>
      <c r="E233" s="44"/>
      <c r="F233" s="52"/>
      <c r="G233" s="53"/>
      <c r="H233" s="5"/>
    </row>
    <row r="234" spans="1:8" ht="12.95" customHeight="1">
      <c r="A234" s="78"/>
      <c r="B234" s="42"/>
      <c r="C234" s="28"/>
      <c r="D234" s="60"/>
      <c r="E234" s="43"/>
      <c r="F234" s="60"/>
      <c r="G234" s="54"/>
      <c r="H234" s="8"/>
    </row>
    <row r="235" spans="1:8" ht="12.95" customHeight="1">
      <c r="A235" s="78"/>
      <c r="B235" s="45"/>
      <c r="C235" s="32"/>
      <c r="D235" s="61"/>
      <c r="E235" s="46"/>
      <c r="F235" s="61"/>
      <c r="G235" s="55"/>
      <c r="H235" s="12"/>
    </row>
    <row r="236" spans="1:8" ht="12.95" customHeight="1">
      <c r="A236" s="78"/>
      <c r="B236" s="40"/>
      <c r="C236" s="25"/>
      <c r="D236" s="52"/>
      <c r="E236" s="44"/>
      <c r="F236" s="52"/>
      <c r="G236" s="53"/>
      <c r="H236" s="5"/>
    </row>
    <row r="237" spans="1:8" ht="12.95" customHeight="1">
      <c r="A237" s="78"/>
      <c r="B237" s="42"/>
      <c r="C237" s="28"/>
      <c r="D237" s="60"/>
      <c r="E237" s="43"/>
      <c r="F237" s="60"/>
      <c r="G237" s="54"/>
      <c r="H237" s="8"/>
    </row>
    <row r="238" spans="1:8" ht="12.95" customHeight="1">
      <c r="A238" s="78"/>
      <c r="B238" s="45"/>
      <c r="C238" s="32"/>
      <c r="D238" s="61"/>
      <c r="E238" s="46"/>
      <c r="F238" s="61"/>
      <c r="G238" s="55"/>
      <c r="H238" s="12"/>
    </row>
    <row r="239" spans="1:8" ht="12.95" customHeight="1">
      <c r="A239" s="78"/>
      <c r="B239" s="40"/>
      <c r="C239" s="25"/>
      <c r="D239" s="52"/>
      <c r="E239" s="44"/>
      <c r="F239" s="52"/>
      <c r="G239" s="53"/>
      <c r="H239" s="5"/>
    </row>
    <row r="240" spans="1:8" ht="12.95" customHeight="1">
      <c r="A240" s="78"/>
      <c r="B240" s="42"/>
      <c r="C240" s="28"/>
      <c r="D240" s="60"/>
      <c r="E240" s="43"/>
      <c r="F240" s="60"/>
      <c r="G240" s="54"/>
      <c r="H240" s="8"/>
    </row>
    <row r="241" spans="1:8" ht="12.95" customHeight="1">
      <c r="A241" s="78"/>
      <c r="B241" s="45"/>
      <c r="C241" s="32"/>
      <c r="D241" s="61"/>
      <c r="E241" s="46"/>
      <c r="F241" s="61"/>
      <c r="G241" s="55"/>
      <c r="H241" s="12"/>
    </row>
    <row r="242" spans="1:8" ht="12.95" customHeight="1">
      <c r="A242" s="78"/>
      <c r="B242" s="40"/>
      <c r="C242" s="25"/>
      <c r="D242" s="52"/>
      <c r="E242" s="41"/>
      <c r="F242" s="64"/>
      <c r="G242" s="53"/>
      <c r="H242" s="5"/>
    </row>
    <row r="243" spans="1:8" ht="12.95" customHeight="1">
      <c r="A243" s="78"/>
      <c r="B243" s="42"/>
      <c r="C243" s="28"/>
      <c r="D243" s="60"/>
      <c r="E243" s="43"/>
      <c r="F243" s="60"/>
      <c r="G243" s="54"/>
      <c r="H243" s="8"/>
    </row>
    <row r="244" spans="1:8" ht="12.95" customHeight="1">
      <c r="A244" s="78"/>
      <c r="B244" s="45"/>
      <c r="C244" s="32"/>
      <c r="D244" s="61"/>
      <c r="E244" s="46"/>
      <c r="F244" s="61"/>
      <c r="G244" s="55"/>
      <c r="H244" s="12"/>
    </row>
    <row r="245" spans="1:8" ht="12.95" customHeight="1">
      <c r="A245" s="78"/>
      <c r="B245" s="40"/>
      <c r="C245" s="25"/>
      <c r="D245" s="52"/>
      <c r="E245" s="44"/>
      <c r="F245" s="52"/>
      <c r="G245" s="53"/>
      <c r="H245" s="5"/>
    </row>
    <row r="246" spans="1:8" ht="12.95" customHeight="1">
      <c r="A246" s="78"/>
      <c r="B246" s="42"/>
      <c r="C246" s="28"/>
      <c r="D246" s="60"/>
      <c r="E246" s="43"/>
      <c r="F246" s="60"/>
      <c r="G246" s="54"/>
      <c r="H246" s="8"/>
    </row>
    <row r="247" spans="1:8" ht="12.95" customHeight="1">
      <c r="A247" s="78"/>
      <c r="B247" s="45"/>
      <c r="C247" s="32"/>
      <c r="D247" s="61"/>
      <c r="E247" s="46"/>
      <c r="F247" s="61"/>
      <c r="G247" s="55"/>
      <c r="H247" s="12"/>
    </row>
    <row r="248" spans="1:8" ht="12.95" customHeight="1">
      <c r="A248" s="78"/>
      <c r="B248" s="40"/>
      <c r="C248" s="25"/>
      <c r="D248" s="52"/>
      <c r="E248" s="44"/>
      <c r="F248" s="52"/>
      <c r="G248" s="53"/>
      <c r="H248" s="5"/>
    </row>
    <row r="249" spans="1:8" ht="12.95" customHeight="1">
      <c r="A249" s="78"/>
      <c r="B249" s="42"/>
      <c r="C249" s="28"/>
      <c r="D249" s="60"/>
      <c r="E249" s="43"/>
      <c r="F249" s="60"/>
      <c r="G249" s="54"/>
      <c r="H249" s="8"/>
    </row>
    <row r="250" spans="1:8" ht="12.95" customHeight="1">
      <c r="A250" s="78"/>
      <c r="B250" s="45"/>
      <c r="C250" s="32"/>
      <c r="D250" s="61"/>
      <c r="E250" s="46"/>
      <c r="F250" s="61"/>
      <c r="G250" s="55"/>
      <c r="H250" s="12"/>
    </row>
    <row r="251" spans="1:8" ht="12.95" customHeight="1">
      <c r="A251" s="78"/>
      <c r="B251" s="40"/>
      <c r="C251" s="25"/>
      <c r="D251" s="52"/>
      <c r="E251" s="44"/>
      <c r="F251" s="52"/>
      <c r="G251" s="53"/>
      <c r="H251" s="5"/>
    </row>
    <row r="252" spans="1:8" ht="12.95" customHeight="1">
      <c r="A252" s="78"/>
      <c r="B252" s="42"/>
      <c r="C252" s="28"/>
      <c r="D252" s="60"/>
      <c r="E252" s="48"/>
      <c r="F252" s="66"/>
      <c r="G252" s="54"/>
      <c r="H252" s="8"/>
    </row>
    <row r="253" spans="1:8" ht="12.95" customHeight="1">
      <c r="A253" s="78"/>
      <c r="B253" s="45"/>
      <c r="C253" s="32"/>
      <c r="D253" s="61"/>
      <c r="E253" s="46"/>
      <c r="F253" s="61"/>
      <c r="G253" s="55"/>
      <c r="H253" s="12"/>
    </row>
    <row r="254" spans="1:8" ht="12.95" customHeight="1">
      <c r="A254" s="78"/>
      <c r="B254" s="40"/>
      <c r="C254" s="25"/>
      <c r="D254" s="62"/>
      <c r="E254" s="44"/>
      <c r="F254" s="62"/>
      <c r="G254" s="53"/>
      <c r="H254" s="5"/>
    </row>
    <row r="255" spans="1:8" ht="12.95" customHeight="1">
      <c r="A255" s="78"/>
      <c r="B255" s="50"/>
      <c r="C255" s="38"/>
      <c r="D255" s="63"/>
      <c r="E255" s="51"/>
      <c r="F255" s="63"/>
      <c r="G255" s="57"/>
      <c r="H255" s="18"/>
    </row>
    <row r="256" spans="1:8" ht="0.95" customHeight="1">
      <c r="B256" s="19"/>
      <c r="C256" s="19"/>
      <c r="D256" s="19"/>
      <c r="E256" s="19"/>
      <c r="F256" s="67"/>
      <c r="G256" s="19"/>
      <c r="H256" s="19"/>
    </row>
    <row r="257" spans="1:8" s="1" customFormat="1" ht="18" customHeight="1">
      <c r="B257" s="79" t="s">
        <v>137</v>
      </c>
      <c r="C257" s="79"/>
      <c r="D257" s="79"/>
      <c r="E257" s="79"/>
      <c r="F257" s="79"/>
      <c r="G257" s="79"/>
      <c r="H257" s="80"/>
    </row>
    <row r="258" spans="1:8" ht="21" customHeight="1">
      <c r="A258" s="78"/>
      <c r="B258" s="207" t="s">
        <v>29</v>
      </c>
      <c r="C258" s="208"/>
      <c r="D258" s="208" t="s">
        <v>176</v>
      </c>
      <c r="E258" s="208"/>
      <c r="F258" s="208"/>
      <c r="G258" s="208" t="s">
        <v>139</v>
      </c>
      <c r="H258" s="209"/>
    </row>
    <row r="259" spans="1:8" ht="21" customHeight="1">
      <c r="A259" s="78"/>
      <c r="B259" s="105" t="s">
        <v>140</v>
      </c>
      <c r="C259" s="106" t="s">
        <v>141</v>
      </c>
      <c r="D259" s="106" t="s">
        <v>142</v>
      </c>
      <c r="E259" s="106" t="s">
        <v>38</v>
      </c>
      <c r="F259" s="106" t="s">
        <v>143</v>
      </c>
      <c r="G259" s="106" t="s">
        <v>144</v>
      </c>
      <c r="H259" s="107" t="s">
        <v>27</v>
      </c>
    </row>
    <row r="260" spans="1:8" ht="12.95" customHeight="1">
      <c r="A260" s="78" t="s">
        <v>7</v>
      </c>
      <c r="B260" s="108" t="s">
        <v>185</v>
      </c>
      <c r="C260" s="98" t="s">
        <v>7</v>
      </c>
      <c r="D260" s="52" t="s">
        <v>7</v>
      </c>
      <c r="E260" s="113" t="s">
        <v>7</v>
      </c>
      <c r="F260" s="124" t="s">
        <v>7</v>
      </c>
      <c r="G260" s="53" t="s">
        <v>7</v>
      </c>
      <c r="H260" s="90"/>
    </row>
    <row r="261" spans="1:8" ht="12.95" customHeight="1">
      <c r="A261" s="78" t="s">
        <v>7</v>
      </c>
      <c r="B261" s="108" t="s">
        <v>7</v>
      </c>
      <c r="C261" s="98" t="s">
        <v>7</v>
      </c>
      <c r="D261" s="52" t="s">
        <v>7</v>
      </c>
      <c r="E261" s="113" t="s">
        <v>7</v>
      </c>
      <c r="F261" s="52" t="s">
        <v>7</v>
      </c>
      <c r="G261" s="53" t="s">
        <v>7</v>
      </c>
      <c r="H261" s="90"/>
    </row>
    <row r="262" spans="1:8" ht="12.95" customHeight="1">
      <c r="A262" s="78" t="s">
        <v>7</v>
      </c>
      <c r="B262" s="109" t="s">
        <v>7</v>
      </c>
      <c r="C262" s="100" t="s">
        <v>7</v>
      </c>
      <c r="D262" s="60" t="s">
        <v>7</v>
      </c>
      <c r="E262" s="112" t="s">
        <v>7</v>
      </c>
      <c r="F262" s="126"/>
      <c r="G262" s="54"/>
      <c r="H262" s="91"/>
    </row>
    <row r="263" spans="1:8" ht="12.95" customHeight="1">
      <c r="A263" s="78" t="s">
        <v>7</v>
      </c>
      <c r="B263" s="108" t="s">
        <v>186</v>
      </c>
      <c r="C263" s="98" t="s">
        <v>187</v>
      </c>
      <c r="D263" s="52" t="s">
        <v>7</v>
      </c>
      <c r="E263" s="113" t="s">
        <v>7</v>
      </c>
      <c r="F263" s="124"/>
      <c r="G263" s="53"/>
      <c r="H263" s="90"/>
    </row>
    <row r="264" spans="1:8" ht="12.95" customHeight="1">
      <c r="A264" s="78" t="s">
        <v>7</v>
      </c>
      <c r="B264" s="108" t="s">
        <v>188</v>
      </c>
      <c r="C264" s="98" t="s">
        <v>189</v>
      </c>
      <c r="D264" s="52" t="s">
        <v>30</v>
      </c>
      <c r="E264" s="113" t="s">
        <v>7</v>
      </c>
      <c r="F264" s="52"/>
      <c r="G264" s="53"/>
      <c r="H264" s="90"/>
    </row>
    <row r="265" spans="1:8" ht="12.95" customHeight="1">
      <c r="A265" s="78" t="s">
        <v>7</v>
      </c>
      <c r="B265" s="109" t="s">
        <v>7</v>
      </c>
      <c r="C265" s="100" t="s">
        <v>7</v>
      </c>
      <c r="D265" s="60" t="s">
        <v>7</v>
      </c>
      <c r="E265" s="112" t="s">
        <v>130</v>
      </c>
      <c r="F265" s="126"/>
      <c r="G265" s="54"/>
      <c r="H265" s="91"/>
    </row>
    <row r="266" spans="1:8" ht="12.95" customHeight="1">
      <c r="A266" s="78" t="s">
        <v>7</v>
      </c>
      <c r="B266" s="108" t="s">
        <v>190</v>
      </c>
      <c r="C266" s="98" t="s">
        <v>7</v>
      </c>
      <c r="D266" s="52" t="s">
        <v>7</v>
      </c>
      <c r="E266" s="113" t="s">
        <v>7</v>
      </c>
      <c r="F266" s="124"/>
      <c r="G266" s="53"/>
      <c r="H266" s="90"/>
    </row>
    <row r="267" spans="1:8" ht="12.95" customHeight="1">
      <c r="A267" s="78" t="s">
        <v>7</v>
      </c>
      <c r="B267" s="108" t="s">
        <v>7</v>
      </c>
      <c r="C267" s="98" t="s">
        <v>7</v>
      </c>
      <c r="D267" s="52" t="s">
        <v>7</v>
      </c>
      <c r="E267" s="113" t="s">
        <v>7</v>
      </c>
      <c r="F267" s="52"/>
      <c r="G267" s="53"/>
      <c r="H267" s="90"/>
    </row>
    <row r="268" spans="1:8" ht="12.95" customHeight="1">
      <c r="A268" s="78" t="s">
        <v>7</v>
      </c>
      <c r="B268" s="109" t="s">
        <v>7</v>
      </c>
      <c r="C268" s="100" t="s">
        <v>7</v>
      </c>
      <c r="D268" s="60" t="s">
        <v>7</v>
      </c>
      <c r="E268" s="112" t="s">
        <v>7</v>
      </c>
      <c r="F268" s="126"/>
      <c r="G268" s="54"/>
      <c r="H268" s="91"/>
    </row>
    <row r="269" spans="1:8" ht="12.95" customHeight="1">
      <c r="A269" s="78" t="s">
        <v>7</v>
      </c>
      <c r="B269" s="108" t="s">
        <v>191</v>
      </c>
      <c r="C269" s="98" t="s">
        <v>7</v>
      </c>
      <c r="D269" s="52" t="s">
        <v>7</v>
      </c>
      <c r="E269" s="113" t="s">
        <v>7</v>
      </c>
      <c r="F269" s="124"/>
      <c r="G269" s="53"/>
      <c r="H269" s="90"/>
    </row>
    <row r="270" spans="1:8" ht="12.95" customHeight="1">
      <c r="A270" s="78" t="s">
        <v>7</v>
      </c>
      <c r="B270" s="108" t="s">
        <v>7</v>
      </c>
      <c r="C270" s="98" t="s">
        <v>7</v>
      </c>
      <c r="D270" s="52" t="s">
        <v>7</v>
      </c>
      <c r="E270" s="113" t="s">
        <v>7</v>
      </c>
      <c r="F270" s="52"/>
      <c r="G270" s="53"/>
      <c r="H270" s="90"/>
    </row>
    <row r="271" spans="1:8" ht="12.95" customHeight="1">
      <c r="A271" s="78" t="s">
        <v>7</v>
      </c>
      <c r="B271" s="109" t="s">
        <v>7</v>
      </c>
      <c r="C271" s="100" t="s">
        <v>7</v>
      </c>
      <c r="D271" s="60" t="s">
        <v>7</v>
      </c>
      <c r="E271" s="112" t="s">
        <v>7</v>
      </c>
      <c r="F271" s="126"/>
      <c r="G271" s="54"/>
      <c r="H271" s="91"/>
    </row>
    <row r="272" spans="1:8" ht="12.95" customHeight="1">
      <c r="A272" s="78" t="s">
        <v>7</v>
      </c>
      <c r="B272" s="108" t="s">
        <v>192</v>
      </c>
      <c r="C272" s="98" t="s">
        <v>193</v>
      </c>
      <c r="D272" s="52" t="s">
        <v>7</v>
      </c>
      <c r="E272" s="113" t="s">
        <v>7</v>
      </c>
      <c r="F272" s="124" t="s">
        <v>7</v>
      </c>
      <c r="G272" s="53" t="s">
        <v>7</v>
      </c>
      <c r="H272" s="90"/>
    </row>
    <row r="273" spans="1:8" ht="12.95" customHeight="1">
      <c r="A273" s="78" t="s">
        <v>7</v>
      </c>
      <c r="B273" s="108" t="s">
        <v>194</v>
      </c>
      <c r="C273" s="98" t="s">
        <v>7</v>
      </c>
      <c r="D273" s="52" t="s">
        <v>30</v>
      </c>
      <c r="E273" s="113" t="s">
        <v>7</v>
      </c>
      <c r="F273" s="52"/>
      <c r="G273" s="53"/>
      <c r="H273" s="90"/>
    </row>
    <row r="274" spans="1:8" ht="12.95" customHeight="1">
      <c r="A274" s="78" t="s">
        <v>7</v>
      </c>
      <c r="B274" s="109" t="s">
        <v>7</v>
      </c>
      <c r="C274" s="100" t="s">
        <v>7</v>
      </c>
      <c r="D274" s="60" t="s">
        <v>7</v>
      </c>
      <c r="E274" s="112" t="s">
        <v>130</v>
      </c>
      <c r="F274" s="126"/>
      <c r="G274" s="54"/>
      <c r="H274" s="91"/>
    </row>
    <row r="275" spans="1:8" ht="12.95" customHeight="1">
      <c r="A275" s="78" t="s">
        <v>7</v>
      </c>
      <c r="B275" s="108" t="s">
        <v>195</v>
      </c>
      <c r="C275" s="98" t="s">
        <v>196</v>
      </c>
      <c r="D275" s="52" t="s">
        <v>7</v>
      </c>
      <c r="E275" s="113" t="s">
        <v>7</v>
      </c>
      <c r="F275" s="124"/>
      <c r="G275" s="53"/>
      <c r="H275" s="90"/>
    </row>
    <row r="276" spans="1:8" ht="12.95" customHeight="1">
      <c r="A276" s="78" t="s">
        <v>7</v>
      </c>
      <c r="B276" s="108" t="s">
        <v>197</v>
      </c>
      <c r="C276" s="98" t="s">
        <v>198</v>
      </c>
      <c r="D276" s="52" t="s">
        <v>30</v>
      </c>
      <c r="E276" s="113" t="s">
        <v>7</v>
      </c>
      <c r="F276" s="52"/>
      <c r="G276" s="53"/>
      <c r="H276" s="90"/>
    </row>
    <row r="277" spans="1:8" ht="12.95" customHeight="1">
      <c r="A277" s="78" t="s">
        <v>7</v>
      </c>
      <c r="B277" s="109" t="s">
        <v>7</v>
      </c>
      <c r="C277" s="100" t="s">
        <v>7</v>
      </c>
      <c r="D277" s="60" t="s">
        <v>7</v>
      </c>
      <c r="E277" s="112" t="s">
        <v>130</v>
      </c>
      <c r="F277" s="126"/>
      <c r="G277" s="54"/>
      <c r="H277" s="91"/>
    </row>
    <row r="278" spans="1:8" ht="12.95" customHeight="1">
      <c r="A278" s="78" t="s">
        <v>7</v>
      </c>
      <c r="B278" s="108" t="s">
        <v>199</v>
      </c>
      <c r="C278" s="98" t="s">
        <v>200</v>
      </c>
      <c r="D278" s="52" t="s">
        <v>7</v>
      </c>
      <c r="E278" s="113" t="s">
        <v>7</v>
      </c>
      <c r="F278" s="124"/>
      <c r="G278" s="53"/>
      <c r="H278" s="90"/>
    </row>
    <row r="279" spans="1:8" ht="12.95" customHeight="1">
      <c r="A279" s="78" t="s">
        <v>7</v>
      </c>
      <c r="B279" s="108" t="s">
        <v>7</v>
      </c>
      <c r="C279" s="98" t="s">
        <v>7</v>
      </c>
      <c r="D279" s="52" t="s">
        <v>30</v>
      </c>
      <c r="E279" s="113" t="s">
        <v>7</v>
      </c>
      <c r="F279" s="52"/>
      <c r="G279" s="53"/>
      <c r="H279" s="90"/>
    </row>
    <row r="280" spans="1:8" ht="12.95" customHeight="1">
      <c r="A280" s="78" t="s">
        <v>7</v>
      </c>
      <c r="B280" s="109" t="s">
        <v>7</v>
      </c>
      <c r="C280" s="100" t="s">
        <v>7</v>
      </c>
      <c r="D280" s="60" t="s">
        <v>7</v>
      </c>
      <c r="E280" s="112" t="s">
        <v>130</v>
      </c>
      <c r="F280" s="126"/>
      <c r="G280" s="54"/>
      <c r="H280" s="91"/>
    </row>
    <row r="281" spans="1:8" ht="12.95" customHeight="1">
      <c r="A281" s="78" t="s">
        <v>7</v>
      </c>
      <c r="B281" s="108" t="s">
        <v>190</v>
      </c>
      <c r="C281" s="98" t="s">
        <v>7</v>
      </c>
      <c r="D281" s="52" t="s">
        <v>7</v>
      </c>
      <c r="E281" s="113" t="s">
        <v>7</v>
      </c>
      <c r="F281" s="124"/>
      <c r="G281" s="53"/>
      <c r="H281" s="90"/>
    </row>
    <row r="282" spans="1:8" ht="12.95" customHeight="1">
      <c r="A282" s="78" t="s">
        <v>7</v>
      </c>
      <c r="B282" s="108" t="s">
        <v>7</v>
      </c>
      <c r="C282" s="98" t="s">
        <v>7</v>
      </c>
      <c r="D282" s="52" t="s">
        <v>7</v>
      </c>
      <c r="E282" s="113" t="s">
        <v>7</v>
      </c>
      <c r="F282" s="52"/>
      <c r="G282" s="53"/>
      <c r="H282" s="90"/>
    </row>
    <row r="283" spans="1:8" ht="12.95" customHeight="1">
      <c r="A283" s="78" t="s">
        <v>7</v>
      </c>
      <c r="B283" s="109" t="s">
        <v>7</v>
      </c>
      <c r="C283" s="100" t="s">
        <v>7</v>
      </c>
      <c r="D283" s="60" t="s">
        <v>7</v>
      </c>
      <c r="E283" s="112" t="s">
        <v>7</v>
      </c>
      <c r="F283" s="126"/>
      <c r="G283" s="54"/>
      <c r="H283" s="91"/>
    </row>
    <row r="284" spans="1:8" ht="12.95" customHeight="1">
      <c r="A284" s="78" t="s">
        <v>7</v>
      </c>
      <c r="B284" s="108" t="s">
        <v>201</v>
      </c>
      <c r="C284" s="98" t="s">
        <v>7</v>
      </c>
      <c r="D284" s="52" t="s">
        <v>7</v>
      </c>
      <c r="E284" s="113" t="s">
        <v>7</v>
      </c>
      <c r="F284" s="124"/>
      <c r="G284" s="53"/>
      <c r="H284" s="90"/>
    </row>
    <row r="285" spans="1:8" ht="12.95" customHeight="1">
      <c r="A285" s="78" t="s">
        <v>7</v>
      </c>
      <c r="B285" s="108" t="s">
        <v>7</v>
      </c>
      <c r="C285" s="98" t="s">
        <v>7</v>
      </c>
      <c r="D285" s="52" t="s">
        <v>7</v>
      </c>
      <c r="E285" s="113" t="s">
        <v>7</v>
      </c>
      <c r="F285" s="52" t="s">
        <v>7</v>
      </c>
      <c r="G285" s="53" t="s">
        <v>7</v>
      </c>
      <c r="H285" s="90"/>
    </row>
    <row r="286" spans="1:8" ht="12.95" customHeight="1">
      <c r="A286" s="78" t="s">
        <v>7</v>
      </c>
      <c r="B286" s="109" t="s">
        <v>7</v>
      </c>
      <c r="C286" s="100" t="s">
        <v>7</v>
      </c>
      <c r="D286" s="60" t="s">
        <v>7</v>
      </c>
      <c r="E286" s="112" t="s">
        <v>7</v>
      </c>
      <c r="F286" s="126" t="s">
        <v>7</v>
      </c>
      <c r="G286" s="54" t="s">
        <v>7</v>
      </c>
      <c r="H286" s="91"/>
    </row>
    <row r="287" spans="1:8" ht="12.95" customHeight="1">
      <c r="A287" s="78" t="s">
        <v>7</v>
      </c>
      <c r="B287" s="108" t="s">
        <v>202</v>
      </c>
      <c r="C287" s="98" t="s">
        <v>203</v>
      </c>
      <c r="D287" s="52" t="s">
        <v>7</v>
      </c>
      <c r="E287" s="113" t="s">
        <v>7</v>
      </c>
      <c r="F287" s="124" t="s">
        <v>7</v>
      </c>
      <c r="G287" s="53" t="s">
        <v>7</v>
      </c>
      <c r="H287" s="90"/>
    </row>
    <row r="288" spans="1:8" ht="12.95" customHeight="1">
      <c r="A288" s="78" t="s">
        <v>7</v>
      </c>
      <c r="B288" s="108" t="s">
        <v>7</v>
      </c>
      <c r="C288" s="98" t="s">
        <v>7</v>
      </c>
      <c r="D288" s="52" t="s">
        <v>30</v>
      </c>
      <c r="E288" s="113" t="s">
        <v>7</v>
      </c>
      <c r="F288" s="52" t="s">
        <v>7</v>
      </c>
      <c r="G288" s="53"/>
      <c r="H288" s="90"/>
    </row>
    <row r="289" spans="1:8" ht="12.95" customHeight="1">
      <c r="A289" s="78" t="s">
        <v>7</v>
      </c>
      <c r="B289" s="109" t="s">
        <v>7</v>
      </c>
      <c r="C289" s="100" t="s">
        <v>7</v>
      </c>
      <c r="D289" s="60" t="s">
        <v>7</v>
      </c>
      <c r="E289" s="112" t="s">
        <v>31</v>
      </c>
      <c r="F289" s="126" t="s">
        <v>7</v>
      </c>
      <c r="G289" s="54"/>
      <c r="H289" s="91"/>
    </row>
    <row r="290" spans="1:8" ht="12.95" customHeight="1">
      <c r="A290" s="78" t="s">
        <v>7</v>
      </c>
      <c r="B290" s="108" t="s">
        <v>190</v>
      </c>
      <c r="C290" s="98" t="s">
        <v>7</v>
      </c>
      <c r="D290" s="52" t="s">
        <v>7</v>
      </c>
      <c r="E290" s="113" t="s">
        <v>7</v>
      </c>
      <c r="F290" s="124" t="s">
        <v>7</v>
      </c>
      <c r="G290" s="53"/>
      <c r="H290" s="90"/>
    </row>
    <row r="291" spans="1:8" ht="12.95" customHeight="1">
      <c r="A291" s="78" t="s">
        <v>7</v>
      </c>
      <c r="B291" s="108" t="s">
        <v>7</v>
      </c>
      <c r="C291" s="98" t="s">
        <v>7</v>
      </c>
      <c r="D291" s="52" t="s">
        <v>7</v>
      </c>
      <c r="E291" s="113" t="s">
        <v>7</v>
      </c>
      <c r="F291" s="52" t="s">
        <v>7</v>
      </c>
      <c r="G291" s="53"/>
      <c r="H291" s="90"/>
    </row>
    <row r="292" spans="1:8" ht="12.95" customHeight="1">
      <c r="A292" s="78" t="s">
        <v>7</v>
      </c>
      <c r="B292" s="109" t="s">
        <v>7</v>
      </c>
      <c r="C292" s="100" t="s">
        <v>7</v>
      </c>
      <c r="D292" s="60" t="s">
        <v>7</v>
      </c>
      <c r="E292" s="112" t="s">
        <v>7</v>
      </c>
      <c r="F292" s="126" t="s">
        <v>7</v>
      </c>
      <c r="G292" s="54"/>
      <c r="H292" s="91"/>
    </row>
    <row r="293" spans="1:8" ht="12.95" customHeight="1">
      <c r="A293" s="78" t="s">
        <v>7</v>
      </c>
      <c r="B293" s="108" t="s">
        <v>204</v>
      </c>
      <c r="C293" s="98" t="s">
        <v>7</v>
      </c>
      <c r="D293" s="52" t="s">
        <v>7</v>
      </c>
      <c r="E293" s="113" t="s">
        <v>7</v>
      </c>
      <c r="F293" s="124" t="s">
        <v>7</v>
      </c>
      <c r="G293" s="53"/>
      <c r="H293" s="90"/>
    </row>
    <row r="294" spans="1:8" ht="12.95" customHeight="1">
      <c r="A294" s="78" t="s">
        <v>7</v>
      </c>
      <c r="B294" s="108" t="s">
        <v>205</v>
      </c>
      <c r="C294" s="98" t="s">
        <v>7</v>
      </c>
      <c r="D294" s="52" t="s">
        <v>30</v>
      </c>
      <c r="E294" s="113" t="s">
        <v>7</v>
      </c>
      <c r="F294" s="52" t="s">
        <v>7</v>
      </c>
      <c r="G294" s="53"/>
      <c r="H294" s="90"/>
    </row>
    <row r="295" spans="1:8" ht="12.95" customHeight="1">
      <c r="A295" s="78" t="s">
        <v>7</v>
      </c>
      <c r="B295" s="109" t="s">
        <v>7</v>
      </c>
      <c r="C295" s="100" t="s">
        <v>7</v>
      </c>
      <c r="D295" s="60" t="s">
        <v>7</v>
      </c>
      <c r="E295" s="112" t="s">
        <v>31</v>
      </c>
      <c r="F295" s="126" t="s">
        <v>7</v>
      </c>
      <c r="G295" s="54"/>
      <c r="H295" s="91" t="s">
        <v>7</v>
      </c>
    </row>
    <row r="296" spans="1:8" ht="12.95" customHeight="1">
      <c r="A296" s="78" t="s">
        <v>7</v>
      </c>
      <c r="B296" s="110" t="s">
        <v>34</v>
      </c>
      <c r="C296" s="98" t="s">
        <v>7</v>
      </c>
      <c r="D296" s="52" t="s">
        <v>7</v>
      </c>
      <c r="E296" s="113" t="s">
        <v>7</v>
      </c>
      <c r="F296" s="52" t="s">
        <v>7</v>
      </c>
      <c r="G296" s="53"/>
      <c r="H296" s="90" t="s">
        <v>7</v>
      </c>
    </row>
    <row r="297" spans="1:8" ht="12.95" customHeight="1">
      <c r="A297" s="78" t="s">
        <v>7</v>
      </c>
      <c r="B297" s="108" t="s">
        <v>7</v>
      </c>
      <c r="C297" s="98" t="s">
        <v>7</v>
      </c>
      <c r="D297" s="52" t="s">
        <v>7</v>
      </c>
      <c r="E297" s="113" t="s">
        <v>7</v>
      </c>
      <c r="F297" s="52" t="s">
        <v>7</v>
      </c>
      <c r="G297" s="53"/>
      <c r="H297" s="90" t="s">
        <v>7</v>
      </c>
    </row>
    <row r="298" spans="1:8" ht="12.95" customHeight="1">
      <c r="A298" s="78" t="s">
        <v>7</v>
      </c>
      <c r="B298" s="109" t="s">
        <v>7</v>
      </c>
      <c r="C298" s="100" t="s">
        <v>7</v>
      </c>
      <c r="D298" s="60" t="s">
        <v>7</v>
      </c>
      <c r="E298" s="112" t="s">
        <v>7</v>
      </c>
      <c r="F298" s="60" t="s">
        <v>7</v>
      </c>
      <c r="G298" s="54"/>
      <c r="H298" s="91" t="s">
        <v>7</v>
      </c>
    </row>
    <row r="299" spans="1:8" ht="12.95" customHeight="1">
      <c r="A299" s="78"/>
      <c r="B299" s="45"/>
      <c r="C299" s="32"/>
      <c r="D299" s="61"/>
      <c r="E299" s="46"/>
      <c r="F299" s="61"/>
      <c r="G299" s="55"/>
      <c r="H299" s="12"/>
    </row>
    <row r="300" spans="1:8" ht="12.95" customHeight="1">
      <c r="A300" s="78"/>
      <c r="B300" s="40"/>
      <c r="C300" s="25"/>
      <c r="D300" s="52"/>
      <c r="E300" s="44"/>
      <c r="F300" s="52"/>
      <c r="G300" s="53"/>
      <c r="H300" s="5"/>
    </row>
    <row r="301" spans="1:8" ht="12.95" customHeight="1">
      <c r="A301" s="78"/>
      <c r="B301" s="42"/>
      <c r="C301" s="28"/>
      <c r="D301" s="60"/>
      <c r="E301" s="43"/>
      <c r="F301" s="60"/>
      <c r="G301" s="54"/>
      <c r="H301" s="8"/>
    </row>
    <row r="302" spans="1:8" ht="12.95" customHeight="1">
      <c r="A302" s="78"/>
      <c r="B302" s="45"/>
      <c r="C302" s="32"/>
      <c r="D302" s="61"/>
      <c r="E302" s="46"/>
      <c r="F302" s="61"/>
      <c r="G302" s="55"/>
      <c r="H302" s="12"/>
    </row>
    <row r="303" spans="1:8" ht="12.95" customHeight="1">
      <c r="A303" s="78"/>
      <c r="B303" s="40"/>
      <c r="C303" s="25"/>
      <c r="D303" s="52"/>
      <c r="E303" s="44"/>
      <c r="F303" s="52"/>
      <c r="G303" s="53"/>
      <c r="H303" s="5"/>
    </row>
    <row r="304" spans="1:8" ht="12.95" customHeight="1">
      <c r="A304" s="78"/>
      <c r="B304" s="42"/>
      <c r="C304" s="28"/>
      <c r="D304" s="60"/>
      <c r="E304" s="43"/>
      <c r="F304" s="60"/>
      <c r="G304" s="54"/>
      <c r="H304" s="8"/>
    </row>
    <row r="305" spans="1:8" ht="12.95" customHeight="1">
      <c r="A305" s="78"/>
      <c r="B305" s="45"/>
      <c r="C305" s="32"/>
      <c r="D305" s="61"/>
      <c r="E305" s="46"/>
      <c r="F305" s="61"/>
      <c r="G305" s="55"/>
      <c r="H305" s="12"/>
    </row>
    <row r="306" spans="1:8" ht="12.95" customHeight="1">
      <c r="A306" s="78"/>
      <c r="B306" s="40"/>
      <c r="C306" s="25"/>
      <c r="D306" s="52"/>
      <c r="E306" s="41"/>
      <c r="F306" s="64"/>
      <c r="G306" s="53"/>
      <c r="H306" s="5"/>
    </row>
    <row r="307" spans="1:8" ht="12.95" customHeight="1">
      <c r="A307" s="78"/>
      <c r="B307" s="42"/>
      <c r="C307" s="28"/>
      <c r="D307" s="60"/>
      <c r="E307" s="43"/>
      <c r="F307" s="60"/>
      <c r="G307" s="54"/>
      <c r="H307" s="8"/>
    </row>
    <row r="308" spans="1:8" ht="12.95" customHeight="1">
      <c r="A308" s="78"/>
      <c r="B308" s="45"/>
      <c r="C308" s="32"/>
      <c r="D308" s="61"/>
      <c r="E308" s="46"/>
      <c r="F308" s="61"/>
      <c r="G308" s="55"/>
      <c r="H308" s="12"/>
    </row>
    <row r="309" spans="1:8" ht="12.95" customHeight="1">
      <c r="A309" s="78"/>
      <c r="B309" s="40"/>
      <c r="C309" s="25"/>
      <c r="D309" s="52"/>
      <c r="E309" s="44"/>
      <c r="F309" s="52"/>
      <c r="G309" s="53"/>
      <c r="H309" s="5"/>
    </row>
    <row r="310" spans="1:8" ht="12.95" customHeight="1">
      <c r="A310" s="78"/>
      <c r="B310" s="42"/>
      <c r="C310" s="28"/>
      <c r="D310" s="60"/>
      <c r="E310" s="43"/>
      <c r="F310" s="60"/>
      <c r="G310" s="54"/>
      <c r="H310" s="8"/>
    </row>
    <row r="311" spans="1:8" ht="12.95" customHeight="1">
      <c r="A311" s="78"/>
      <c r="B311" s="45"/>
      <c r="C311" s="32"/>
      <c r="D311" s="61"/>
      <c r="E311" s="46"/>
      <c r="F311" s="61"/>
      <c r="G311" s="55"/>
      <c r="H311" s="12"/>
    </row>
    <row r="312" spans="1:8" ht="12.95" customHeight="1">
      <c r="A312" s="78"/>
      <c r="B312" s="40"/>
      <c r="C312" s="25"/>
      <c r="D312" s="52"/>
      <c r="E312" s="44"/>
      <c r="F312" s="52"/>
      <c r="G312" s="53"/>
      <c r="H312" s="5"/>
    </row>
    <row r="313" spans="1:8" ht="12.95" customHeight="1">
      <c r="A313" s="78"/>
      <c r="B313" s="42"/>
      <c r="C313" s="28"/>
      <c r="D313" s="60"/>
      <c r="E313" s="43"/>
      <c r="F313" s="60"/>
      <c r="G313" s="54"/>
      <c r="H313" s="8"/>
    </row>
    <row r="314" spans="1:8" ht="12.95" customHeight="1">
      <c r="A314" s="78"/>
      <c r="B314" s="45"/>
      <c r="C314" s="32"/>
      <c r="D314" s="61"/>
      <c r="E314" s="46"/>
      <c r="F314" s="61"/>
      <c r="G314" s="55"/>
      <c r="H314" s="12"/>
    </row>
    <row r="315" spans="1:8" ht="12.95" customHeight="1">
      <c r="A315" s="78"/>
      <c r="B315" s="40"/>
      <c r="C315" s="25"/>
      <c r="D315" s="52"/>
      <c r="E315" s="44"/>
      <c r="F315" s="52"/>
      <c r="G315" s="53"/>
      <c r="H315" s="5"/>
    </row>
    <row r="316" spans="1:8" ht="12.95" customHeight="1">
      <c r="A316" s="78"/>
      <c r="B316" s="42"/>
      <c r="C316" s="28"/>
      <c r="D316" s="60"/>
      <c r="E316" s="48"/>
      <c r="F316" s="66"/>
      <c r="G316" s="54"/>
      <c r="H316" s="8"/>
    </row>
    <row r="317" spans="1:8" ht="12.95" customHeight="1">
      <c r="A317" s="78"/>
      <c r="B317" s="45"/>
      <c r="C317" s="32"/>
      <c r="D317" s="61"/>
      <c r="E317" s="46"/>
      <c r="F317" s="61"/>
      <c r="G317" s="55"/>
      <c r="H317" s="12"/>
    </row>
    <row r="318" spans="1:8" ht="12.95" customHeight="1">
      <c r="A318" s="78"/>
      <c r="B318" s="40"/>
      <c r="C318" s="25"/>
      <c r="D318" s="62"/>
      <c r="E318" s="44"/>
      <c r="F318" s="62"/>
      <c r="G318" s="53"/>
      <c r="H318" s="5"/>
    </row>
    <row r="319" spans="1:8" ht="12.95" customHeight="1">
      <c r="A319" s="78"/>
      <c r="B319" s="50"/>
      <c r="C319" s="38"/>
      <c r="D319" s="63"/>
      <c r="E319" s="51"/>
      <c r="F319" s="63"/>
      <c r="G319" s="57"/>
      <c r="H319" s="18"/>
    </row>
    <row r="320" spans="1:8" ht="0.95" customHeight="1">
      <c r="B320" s="19"/>
      <c r="C320" s="19"/>
      <c r="D320" s="19"/>
      <c r="E320" s="19"/>
      <c r="F320" s="67"/>
      <c r="G320" s="19"/>
      <c r="H320" s="19"/>
    </row>
    <row r="321" spans="1:8" s="1" customFormat="1" ht="18" customHeight="1">
      <c r="B321" s="79" t="s">
        <v>137</v>
      </c>
      <c r="C321" s="79"/>
      <c r="D321" s="79"/>
      <c r="E321" s="79"/>
      <c r="F321" s="79"/>
      <c r="G321" s="79"/>
      <c r="H321" s="80"/>
    </row>
    <row r="322" spans="1:8" ht="21" customHeight="1">
      <c r="A322" s="78"/>
      <c r="B322" s="207" t="s">
        <v>29</v>
      </c>
      <c r="C322" s="208"/>
      <c r="D322" s="208" t="s">
        <v>206</v>
      </c>
      <c r="E322" s="208"/>
      <c r="F322" s="208"/>
      <c r="G322" s="208" t="s">
        <v>177</v>
      </c>
      <c r="H322" s="209"/>
    </row>
    <row r="323" spans="1:8" ht="21" customHeight="1">
      <c r="A323" s="78"/>
      <c r="B323" s="105" t="s">
        <v>140</v>
      </c>
      <c r="C323" s="106" t="s">
        <v>141</v>
      </c>
      <c r="D323" s="106" t="s">
        <v>142</v>
      </c>
      <c r="E323" s="106" t="s">
        <v>38</v>
      </c>
      <c r="F323" s="106" t="s">
        <v>143</v>
      </c>
      <c r="G323" s="106" t="s">
        <v>144</v>
      </c>
      <c r="H323" s="107" t="s">
        <v>27</v>
      </c>
    </row>
    <row r="324" spans="1:8" ht="12.95" customHeight="1">
      <c r="A324" s="78" t="s">
        <v>7</v>
      </c>
      <c r="B324" s="108" t="s">
        <v>207</v>
      </c>
      <c r="C324" s="98" t="s">
        <v>208</v>
      </c>
      <c r="D324" s="52" t="s">
        <v>7</v>
      </c>
      <c r="E324" s="113" t="s">
        <v>7</v>
      </c>
      <c r="F324" s="124" t="s">
        <v>7</v>
      </c>
      <c r="G324" s="53" t="s">
        <v>7</v>
      </c>
      <c r="H324" s="90"/>
    </row>
    <row r="325" spans="1:8" ht="12.95" customHeight="1">
      <c r="A325" s="78" t="s">
        <v>7</v>
      </c>
      <c r="B325" s="108" t="s">
        <v>7</v>
      </c>
      <c r="C325" s="98" t="s">
        <v>7</v>
      </c>
      <c r="D325" s="52" t="s">
        <v>209</v>
      </c>
      <c r="E325" s="113" t="s">
        <v>7</v>
      </c>
      <c r="F325" s="52"/>
      <c r="G325" s="53"/>
      <c r="H325" s="90"/>
    </row>
    <row r="326" spans="1:8" ht="12.95" customHeight="1">
      <c r="A326" s="78" t="s">
        <v>7</v>
      </c>
      <c r="B326" s="109" t="s">
        <v>7</v>
      </c>
      <c r="C326" s="100" t="s">
        <v>7</v>
      </c>
      <c r="D326" s="60" t="s">
        <v>7</v>
      </c>
      <c r="E326" s="112" t="s">
        <v>134</v>
      </c>
      <c r="F326" s="126"/>
      <c r="G326" s="54"/>
      <c r="H326" s="91"/>
    </row>
    <row r="327" spans="1:8" ht="12.95" customHeight="1">
      <c r="A327" s="78" t="s">
        <v>7</v>
      </c>
      <c r="B327" s="108" t="s">
        <v>207</v>
      </c>
      <c r="C327" s="98" t="s">
        <v>210</v>
      </c>
      <c r="D327" s="52" t="s">
        <v>7</v>
      </c>
      <c r="E327" s="113" t="s">
        <v>7</v>
      </c>
      <c r="F327" s="124"/>
      <c r="G327" s="53"/>
      <c r="H327" s="90"/>
    </row>
    <row r="328" spans="1:8" ht="12.95" customHeight="1">
      <c r="A328" s="78" t="s">
        <v>7</v>
      </c>
      <c r="B328" s="108" t="s">
        <v>7</v>
      </c>
      <c r="C328" s="98" t="s">
        <v>7</v>
      </c>
      <c r="D328" s="52" t="s">
        <v>211</v>
      </c>
      <c r="E328" s="113" t="s">
        <v>7</v>
      </c>
      <c r="F328" s="52"/>
      <c r="G328" s="53"/>
      <c r="H328" s="90"/>
    </row>
    <row r="329" spans="1:8" ht="12.95" customHeight="1">
      <c r="A329" s="78" t="s">
        <v>7</v>
      </c>
      <c r="B329" s="109" t="s">
        <v>7</v>
      </c>
      <c r="C329" s="100" t="s">
        <v>7</v>
      </c>
      <c r="D329" s="60" t="s">
        <v>7</v>
      </c>
      <c r="E329" s="112" t="s">
        <v>134</v>
      </c>
      <c r="F329" s="126"/>
      <c r="G329" s="54"/>
      <c r="H329" s="91"/>
    </row>
    <row r="330" spans="1:8" ht="12.95" customHeight="1">
      <c r="A330" s="78" t="s">
        <v>7</v>
      </c>
      <c r="B330" s="108" t="s">
        <v>212</v>
      </c>
      <c r="C330" s="98" t="s">
        <v>7</v>
      </c>
      <c r="D330" s="52" t="s">
        <v>7</v>
      </c>
      <c r="E330" s="113" t="s">
        <v>7</v>
      </c>
      <c r="F330" s="124"/>
      <c r="G330" s="53"/>
      <c r="H330" s="90"/>
    </row>
    <row r="331" spans="1:8" ht="12.95" customHeight="1">
      <c r="A331" s="78" t="s">
        <v>7</v>
      </c>
      <c r="B331" s="108" t="s">
        <v>213</v>
      </c>
      <c r="C331" s="98" t="s">
        <v>7</v>
      </c>
      <c r="D331" s="52" t="s">
        <v>214</v>
      </c>
      <c r="E331" s="113" t="s">
        <v>7</v>
      </c>
      <c r="F331" s="52"/>
      <c r="G331" s="53"/>
      <c r="H331" s="90"/>
    </row>
    <row r="332" spans="1:8" ht="12.95" customHeight="1">
      <c r="A332" s="78" t="s">
        <v>7</v>
      </c>
      <c r="B332" s="109" t="s">
        <v>7</v>
      </c>
      <c r="C332" s="100" t="s">
        <v>7</v>
      </c>
      <c r="D332" s="60" t="s">
        <v>7</v>
      </c>
      <c r="E332" s="112" t="s">
        <v>115</v>
      </c>
      <c r="F332" s="126"/>
      <c r="G332" s="54"/>
      <c r="H332" s="91"/>
    </row>
    <row r="333" spans="1:8" ht="12.95" customHeight="1">
      <c r="A333" s="78" t="s">
        <v>7</v>
      </c>
      <c r="B333" s="108" t="s">
        <v>215</v>
      </c>
      <c r="C333" s="98" t="s">
        <v>124</v>
      </c>
      <c r="D333" s="52" t="s">
        <v>7</v>
      </c>
      <c r="E333" s="113" t="s">
        <v>7</v>
      </c>
      <c r="F333" s="124"/>
      <c r="G333" s="53"/>
      <c r="H333" s="90"/>
    </row>
    <row r="334" spans="1:8" ht="12.95" customHeight="1">
      <c r="A334" s="78" t="s">
        <v>7</v>
      </c>
      <c r="B334" s="108" t="s">
        <v>7</v>
      </c>
      <c r="C334" s="98" t="s">
        <v>7</v>
      </c>
      <c r="D334" s="52" t="s">
        <v>216</v>
      </c>
      <c r="E334" s="113" t="s">
        <v>7</v>
      </c>
      <c r="F334" s="52"/>
      <c r="G334" s="53"/>
      <c r="H334" s="90"/>
    </row>
    <row r="335" spans="1:8" ht="12.95" customHeight="1">
      <c r="A335" s="78" t="s">
        <v>7</v>
      </c>
      <c r="B335" s="109" t="s">
        <v>7</v>
      </c>
      <c r="C335" s="100" t="s">
        <v>7</v>
      </c>
      <c r="D335" s="60" t="s">
        <v>7</v>
      </c>
      <c r="E335" s="112" t="s">
        <v>119</v>
      </c>
      <c r="F335" s="126"/>
      <c r="G335" s="54"/>
      <c r="H335" s="91"/>
    </row>
    <row r="336" spans="1:8" ht="12.95" customHeight="1">
      <c r="A336" s="78" t="s">
        <v>7</v>
      </c>
      <c r="B336" s="108" t="s">
        <v>217</v>
      </c>
      <c r="C336" s="98" t="s">
        <v>218</v>
      </c>
      <c r="D336" s="52" t="s">
        <v>7</v>
      </c>
      <c r="E336" s="113" t="s">
        <v>7</v>
      </c>
      <c r="F336" s="124"/>
      <c r="G336" s="53"/>
      <c r="H336" s="90"/>
    </row>
    <row r="337" spans="1:8" ht="12.95" customHeight="1">
      <c r="A337" s="78" t="s">
        <v>7</v>
      </c>
      <c r="B337" s="108" t="s">
        <v>7</v>
      </c>
      <c r="C337" s="98" t="s">
        <v>7</v>
      </c>
      <c r="D337" s="52" t="s">
        <v>219</v>
      </c>
      <c r="E337" s="113" t="s">
        <v>7</v>
      </c>
      <c r="F337" s="52"/>
      <c r="G337" s="53"/>
      <c r="H337" s="90"/>
    </row>
    <row r="338" spans="1:8" ht="12.95" customHeight="1">
      <c r="A338" s="78" t="s">
        <v>7</v>
      </c>
      <c r="B338" s="109" t="s">
        <v>7</v>
      </c>
      <c r="C338" s="100" t="s">
        <v>7</v>
      </c>
      <c r="D338" s="60" t="s">
        <v>7</v>
      </c>
      <c r="E338" s="112" t="s">
        <v>119</v>
      </c>
      <c r="F338" s="126"/>
      <c r="G338" s="54"/>
      <c r="H338" s="91"/>
    </row>
    <row r="339" spans="1:8" ht="12.95" customHeight="1">
      <c r="A339" s="78" t="s">
        <v>7</v>
      </c>
      <c r="B339" s="108" t="s">
        <v>116</v>
      </c>
      <c r="C339" s="98" t="s">
        <v>220</v>
      </c>
      <c r="D339" s="52" t="s">
        <v>7</v>
      </c>
      <c r="E339" s="113" t="s">
        <v>7</v>
      </c>
      <c r="F339" s="124"/>
      <c r="G339" s="53"/>
      <c r="H339" s="90"/>
    </row>
    <row r="340" spans="1:8" ht="12.95" customHeight="1">
      <c r="A340" s="78" t="s">
        <v>7</v>
      </c>
      <c r="B340" s="108" t="s">
        <v>117</v>
      </c>
      <c r="C340" s="98" t="s">
        <v>7</v>
      </c>
      <c r="D340" s="52" t="s">
        <v>221</v>
      </c>
      <c r="E340" s="113" t="s">
        <v>7</v>
      </c>
      <c r="F340" s="52"/>
      <c r="G340" s="53"/>
      <c r="H340" s="90"/>
    </row>
    <row r="341" spans="1:8" ht="12.95" customHeight="1">
      <c r="A341" s="78" t="s">
        <v>7</v>
      </c>
      <c r="B341" s="109" t="s">
        <v>7</v>
      </c>
      <c r="C341" s="100" t="s">
        <v>7</v>
      </c>
      <c r="D341" s="60" t="s">
        <v>7</v>
      </c>
      <c r="E341" s="112" t="s">
        <v>134</v>
      </c>
      <c r="F341" s="126"/>
      <c r="G341" s="54"/>
      <c r="H341" s="91"/>
    </row>
    <row r="342" spans="1:8" ht="12.95" customHeight="1">
      <c r="A342" s="78" t="s">
        <v>7</v>
      </c>
      <c r="B342" s="108" t="s">
        <v>116</v>
      </c>
      <c r="C342" s="98" t="s">
        <v>222</v>
      </c>
      <c r="D342" s="52" t="s">
        <v>7</v>
      </c>
      <c r="E342" s="113" t="s">
        <v>7</v>
      </c>
      <c r="F342" s="124"/>
      <c r="G342" s="53"/>
      <c r="H342" s="90"/>
    </row>
    <row r="343" spans="1:8" ht="12.95" customHeight="1">
      <c r="A343" s="78" t="s">
        <v>7</v>
      </c>
      <c r="B343" s="108" t="s">
        <v>117</v>
      </c>
      <c r="C343" s="98" t="s">
        <v>7</v>
      </c>
      <c r="D343" s="52" t="s">
        <v>223</v>
      </c>
      <c r="E343" s="113" t="s">
        <v>7</v>
      </c>
      <c r="F343" s="52"/>
      <c r="G343" s="53"/>
      <c r="H343" s="90"/>
    </row>
    <row r="344" spans="1:8" ht="12.95" customHeight="1">
      <c r="A344" s="78" t="s">
        <v>7</v>
      </c>
      <c r="B344" s="109" t="s">
        <v>7</v>
      </c>
      <c r="C344" s="100" t="s">
        <v>7</v>
      </c>
      <c r="D344" s="60" t="s">
        <v>7</v>
      </c>
      <c r="E344" s="112" t="s">
        <v>134</v>
      </c>
      <c r="F344" s="126"/>
      <c r="G344" s="54"/>
      <c r="H344" s="91"/>
    </row>
    <row r="345" spans="1:8" ht="12.95" customHeight="1">
      <c r="A345" s="78" t="s">
        <v>7</v>
      </c>
      <c r="B345" s="108" t="s">
        <v>224</v>
      </c>
      <c r="C345" s="98" t="s">
        <v>225</v>
      </c>
      <c r="D345" s="52" t="s">
        <v>7</v>
      </c>
      <c r="E345" s="113" t="s">
        <v>7</v>
      </c>
      <c r="F345" s="124"/>
      <c r="G345" s="53"/>
      <c r="H345" s="90"/>
    </row>
    <row r="346" spans="1:8" ht="12.95" customHeight="1">
      <c r="A346" s="78" t="s">
        <v>7</v>
      </c>
      <c r="B346" s="108" t="s">
        <v>226</v>
      </c>
      <c r="C346" s="98" t="s">
        <v>7</v>
      </c>
      <c r="D346" s="52" t="s">
        <v>221</v>
      </c>
      <c r="E346" s="113" t="s">
        <v>7</v>
      </c>
      <c r="F346" s="52"/>
      <c r="G346" s="53"/>
      <c r="H346" s="90"/>
    </row>
    <row r="347" spans="1:8" ht="12.95" customHeight="1">
      <c r="A347" s="78" t="s">
        <v>7</v>
      </c>
      <c r="B347" s="109" t="s">
        <v>7</v>
      </c>
      <c r="C347" s="100" t="s">
        <v>7</v>
      </c>
      <c r="D347" s="60" t="s">
        <v>7</v>
      </c>
      <c r="E347" s="112" t="s">
        <v>134</v>
      </c>
      <c r="F347" s="126"/>
      <c r="G347" s="54"/>
      <c r="H347" s="91"/>
    </row>
    <row r="348" spans="1:8" ht="12.95" customHeight="1">
      <c r="A348" s="78" t="s">
        <v>7</v>
      </c>
      <c r="B348" s="108" t="s">
        <v>227</v>
      </c>
      <c r="C348" s="98" t="s">
        <v>228</v>
      </c>
      <c r="D348" s="52" t="s">
        <v>7</v>
      </c>
      <c r="E348" s="113" t="s">
        <v>7</v>
      </c>
      <c r="F348" s="124"/>
      <c r="G348" s="53"/>
      <c r="H348" s="90"/>
    </row>
    <row r="349" spans="1:8" ht="12.95" customHeight="1">
      <c r="A349" s="78" t="s">
        <v>7</v>
      </c>
      <c r="B349" s="108" t="s">
        <v>213</v>
      </c>
      <c r="C349" s="98" t="s">
        <v>7</v>
      </c>
      <c r="D349" s="52" t="s">
        <v>229</v>
      </c>
      <c r="E349" s="113" t="s">
        <v>7</v>
      </c>
      <c r="F349" s="52"/>
      <c r="G349" s="53"/>
      <c r="H349" s="90"/>
    </row>
    <row r="350" spans="1:8" ht="12.95" customHeight="1">
      <c r="A350" s="78" t="s">
        <v>7</v>
      </c>
      <c r="B350" s="109" t="s">
        <v>7</v>
      </c>
      <c r="C350" s="100" t="s">
        <v>7</v>
      </c>
      <c r="D350" s="60" t="s">
        <v>7</v>
      </c>
      <c r="E350" s="112" t="s">
        <v>119</v>
      </c>
      <c r="F350" s="126"/>
      <c r="G350" s="54"/>
      <c r="H350" s="91"/>
    </row>
    <row r="351" spans="1:8" ht="12.95" customHeight="1">
      <c r="A351" s="78" t="s">
        <v>7</v>
      </c>
      <c r="B351" s="108" t="s">
        <v>230</v>
      </c>
      <c r="C351" s="98" t="s">
        <v>7</v>
      </c>
      <c r="D351" s="52" t="s">
        <v>7</v>
      </c>
      <c r="E351" s="113" t="s">
        <v>7</v>
      </c>
      <c r="F351" s="124"/>
      <c r="G351" s="53"/>
      <c r="H351" s="90"/>
    </row>
    <row r="352" spans="1:8" ht="12.95" customHeight="1">
      <c r="A352" s="78" t="s">
        <v>7</v>
      </c>
      <c r="B352" s="108" t="s">
        <v>7</v>
      </c>
      <c r="C352" s="98" t="s">
        <v>7</v>
      </c>
      <c r="D352" s="52" t="s">
        <v>229</v>
      </c>
      <c r="E352" s="113" t="s">
        <v>7</v>
      </c>
      <c r="F352" s="52"/>
      <c r="G352" s="53"/>
      <c r="H352" s="90"/>
    </row>
    <row r="353" spans="1:8" ht="12.95" customHeight="1">
      <c r="A353" s="78" t="s">
        <v>7</v>
      </c>
      <c r="B353" s="109" t="s">
        <v>7</v>
      </c>
      <c r="C353" s="100" t="s">
        <v>7</v>
      </c>
      <c r="D353" s="60" t="s">
        <v>7</v>
      </c>
      <c r="E353" s="112" t="s">
        <v>119</v>
      </c>
      <c r="F353" s="126"/>
      <c r="G353" s="54"/>
      <c r="H353" s="91"/>
    </row>
    <row r="354" spans="1:8" ht="12.95" customHeight="1">
      <c r="A354" s="78" t="s">
        <v>7</v>
      </c>
      <c r="B354" s="108" t="s">
        <v>231</v>
      </c>
      <c r="C354" s="98" t="s">
        <v>232</v>
      </c>
      <c r="D354" s="52" t="s">
        <v>7</v>
      </c>
      <c r="E354" s="113" t="s">
        <v>7</v>
      </c>
      <c r="F354" s="124"/>
      <c r="G354" s="53"/>
      <c r="H354" s="90"/>
    </row>
    <row r="355" spans="1:8" ht="12.95" customHeight="1">
      <c r="A355" s="78" t="s">
        <v>7</v>
      </c>
      <c r="B355" s="108" t="s">
        <v>233</v>
      </c>
      <c r="C355" s="98" t="s">
        <v>7</v>
      </c>
      <c r="D355" s="52" t="s">
        <v>234</v>
      </c>
      <c r="E355" s="113" t="s">
        <v>7</v>
      </c>
      <c r="F355" s="52"/>
      <c r="G355" s="53"/>
      <c r="H355" s="90"/>
    </row>
    <row r="356" spans="1:8" ht="12.95" customHeight="1">
      <c r="A356" s="78" t="s">
        <v>7</v>
      </c>
      <c r="B356" s="109" t="s">
        <v>7</v>
      </c>
      <c r="C356" s="100" t="s">
        <v>7</v>
      </c>
      <c r="D356" s="60" t="s">
        <v>7</v>
      </c>
      <c r="E356" s="112" t="s">
        <v>134</v>
      </c>
      <c r="F356" s="126"/>
      <c r="G356" s="54"/>
      <c r="H356" s="91"/>
    </row>
    <row r="357" spans="1:8" ht="12.95" customHeight="1">
      <c r="A357" s="78" t="s">
        <v>7</v>
      </c>
      <c r="B357" s="108" t="s">
        <v>235</v>
      </c>
      <c r="C357" s="98" t="s">
        <v>236</v>
      </c>
      <c r="D357" s="52" t="s">
        <v>7</v>
      </c>
      <c r="E357" s="113" t="s">
        <v>7</v>
      </c>
      <c r="F357" s="124"/>
      <c r="G357" s="53"/>
      <c r="H357" s="90"/>
    </row>
    <row r="358" spans="1:8" ht="12.95" customHeight="1">
      <c r="A358" s="78" t="s">
        <v>7</v>
      </c>
      <c r="B358" s="108" t="s">
        <v>237</v>
      </c>
      <c r="C358" s="98" t="s">
        <v>7</v>
      </c>
      <c r="D358" s="52" t="s">
        <v>223</v>
      </c>
      <c r="E358" s="113" t="s">
        <v>7</v>
      </c>
      <c r="F358" s="52"/>
      <c r="G358" s="53"/>
      <c r="H358" s="90"/>
    </row>
    <row r="359" spans="1:8" ht="12.95" customHeight="1">
      <c r="A359" s="78" t="s">
        <v>7</v>
      </c>
      <c r="B359" s="109" t="s">
        <v>7</v>
      </c>
      <c r="C359" s="100" t="s">
        <v>7</v>
      </c>
      <c r="D359" s="60" t="s">
        <v>7</v>
      </c>
      <c r="E359" s="112" t="s">
        <v>134</v>
      </c>
      <c r="F359" s="126" t="s">
        <v>7</v>
      </c>
      <c r="G359" s="54" t="s">
        <v>7</v>
      </c>
      <c r="H359" s="91"/>
    </row>
    <row r="360" spans="1:8" ht="12.95" customHeight="1">
      <c r="A360" s="78" t="s">
        <v>7</v>
      </c>
      <c r="B360" s="108" t="s">
        <v>238</v>
      </c>
      <c r="C360" s="98" t="s">
        <v>239</v>
      </c>
      <c r="D360" s="52" t="s">
        <v>7</v>
      </c>
      <c r="E360" s="113" t="s">
        <v>7</v>
      </c>
      <c r="F360" s="124"/>
      <c r="G360" s="53"/>
      <c r="H360" s="90"/>
    </row>
    <row r="361" spans="1:8" ht="12.95" customHeight="1">
      <c r="A361" s="78" t="s">
        <v>7</v>
      </c>
      <c r="B361" s="108" t="s">
        <v>240</v>
      </c>
      <c r="C361" s="98" t="s">
        <v>7</v>
      </c>
      <c r="D361" s="52" t="s">
        <v>241</v>
      </c>
      <c r="E361" s="113" t="s">
        <v>7</v>
      </c>
      <c r="F361" s="52"/>
      <c r="G361" s="53"/>
      <c r="H361" s="90"/>
    </row>
    <row r="362" spans="1:8" ht="12.95" customHeight="1">
      <c r="A362" s="78" t="s">
        <v>7</v>
      </c>
      <c r="B362" s="109" t="s">
        <v>7</v>
      </c>
      <c r="C362" s="100" t="s">
        <v>7</v>
      </c>
      <c r="D362" s="60" t="s">
        <v>7</v>
      </c>
      <c r="E362" s="112" t="s">
        <v>119</v>
      </c>
      <c r="F362" s="126"/>
      <c r="G362" s="54"/>
      <c r="H362" s="91"/>
    </row>
    <row r="363" spans="1:8" ht="12.95" customHeight="1">
      <c r="A363" s="78" t="s">
        <v>7</v>
      </c>
      <c r="B363" s="108" t="s">
        <v>242</v>
      </c>
      <c r="C363" s="98" t="s">
        <v>243</v>
      </c>
      <c r="D363" s="52" t="s">
        <v>7</v>
      </c>
      <c r="E363" s="113" t="s">
        <v>7</v>
      </c>
      <c r="F363" s="124"/>
      <c r="G363" s="53"/>
      <c r="H363" s="90"/>
    </row>
    <row r="364" spans="1:8" ht="12.95" customHeight="1">
      <c r="A364" s="78" t="s">
        <v>7</v>
      </c>
      <c r="B364" s="108" t="s">
        <v>244</v>
      </c>
      <c r="C364" s="98" t="s">
        <v>7</v>
      </c>
      <c r="D364" s="52" t="s">
        <v>245</v>
      </c>
      <c r="E364" s="113" t="s">
        <v>7</v>
      </c>
      <c r="F364" s="52"/>
      <c r="G364" s="53"/>
      <c r="H364" s="90"/>
    </row>
    <row r="365" spans="1:8" ht="12.95" customHeight="1">
      <c r="A365" s="78" t="s">
        <v>7</v>
      </c>
      <c r="B365" s="109" t="s">
        <v>7</v>
      </c>
      <c r="C365" s="100" t="s">
        <v>7</v>
      </c>
      <c r="D365" s="60" t="s">
        <v>7</v>
      </c>
      <c r="E365" s="112" t="s">
        <v>119</v>
      </c>
      <c r="F365" s="126"/>
      <c r="G365" s="54"/>
      <c r="H365" s="91"/>
    </row>
    <row r="366" spans="1:8" ht="12.95" customHeight="1">
      <c r="A366" s="78" t="s">
        <v>7</v>
      </c>
      <c r="B366" s="108" t="s">
        <v>246</v>
      </c>
      <c r="C366" s="98" t="s">
        <v>247</v>
      </c>
      <c r="D366" s="52" t="s">
        <v>7</v>
      </c>
      <c r="E366" s="113" t="s">
        <v>7</v>
      </c>
      <c r="F366" s="124"/>
      <c r="G366" s="53"/>
      <c r="H366" s="90"/>
    </row>
    <row r="367" spans="1:8" ht="12.95" customHeight="1">
      <c r="A367" s="78" t="s">
        <v>7</v>
      </c>
      <c r="B367" s="108" t="s">
        <v>226</v>
      </c>
      <c r="C367" s="98" t="s">
        <v>7</v>
      </c>
      <c r="D367" s="52" t="s">
        <v>248</v>
      </c>
      <c r="E367" s="113" t="s">
        <v>7</v>
      </c>
      <c r="F367" s="52"/>
      <c r="G367" s="53"/>
      <c r="H367" s="90"/>
    </row>
    <row r="368" spans="1:8" ht="12.95" customHeight="1">
      <c r="A368" s="78" t="s">
        <v>7</v>
      </c>
      <c r="B368" s="109" t="s">
        <v>7</v>
      </c>
      <c r="C368" s="100" t="s">
        <v>7</v>
      </c>
      <c r="D368" s="60" t="s">
        <v>7</v>
      </c>
      <c r="E368" s="112" t="s">
        <v>119</v>
      </c>
      <c r="F368" s="126"/>
      <c r="G368" s="54"/>
      <c r="H368" s="91"/>
    </row>
    <row r="369" spans="1:8" ht="12.95" customHeight="1">
      <c r="A369" s="78" t="s">
        <v>7</v>
      </c>
      <c r="B369" s="108" t="s">
        <v>249</v>
      </c>
      <c r="C369" s="98" t="s">
        <v>250</v>
      </c>
      <c r="D369" s="52" t="s">
        <v>7</v>
      </c>
      <c r="E369" s="113" t="s">
        <v>7</v>
      </c>
      <c r="F369" s="124"/>
      <c r="G369" s="53"/>
      <c r="H369" s="90"/>
    </row>
    <row r="370" spans="1:8" ht="12.95" customHeight="1">
      <c r="A370" s="78" t="s">
        <v>7</v>
      </c>
      <c r="B370" s="108" t="s">
        <v>240</v>
      </c>
      <c r="C370" s="98" t="s">
        <v>7</v>
      </c>
      <c r="D370" s="52" t="s">
        <v>251</v>
      </c>
      <c r="E370" s="113" t="s">
        <v>7</v>
      </c>
      <c r="F370" s="52"/>
      <c r="G370" s="53"/>
      <c r="H370" s="90"/>
    </row>
    <row r="371" spans="1:8" ht="12.95" customHeight="1">
      <c r="A371" s="78" t="s">
        <v>7</v>
      </c>
      <c r="B371" s="109" t="s">
        <v>7</v>
      </c>
      <c r="C371" s="100" t="s">
        <v>7</v>
      </c>
      <c r="D371" s="60" t="s">
        <v>7</v>
      </c>
      <c r="E371" s="112" t="s">
        <v>119</v>
      </c>
      <c r="F371" s="126"/>
      <c r="G371" s="54"/>
      <c r="H371" s="91"/>
    </row>
    <row r="372" spans="1:8" ht="12.95" customHeight="1">
      <c r="A372" s="78" t="s">
        <v>7</v>
      </c>
      <c r="B372" s="108" t="s">
        <v>252</v>
      </c>
      <c r="C372" s="98" t="s">
        <v>253</v>
      </c>
      <c r="D372" s="52" t="s">
        <v>7</v>
      </c>
      <c r="E372" s="113" t="s">
        <v>7</v>
      </c>
      <c r="F372" s="124"/>
      <c r="G372" s="53"/>
      <c r="H372" s="90"/>
    </row>
    <row r="373" spans="1:8" ht="12.95" customHeight="1">
      <c r="A373" s="78" t="s">
        <v>7</v>
      </c>
      <c r="B373" s="108" t="s">
        <v>254</v>
      </c>
      <c r="C373" s="98" t="s">
        <v>7</v>
      </c>
      <c r="D373" s="52" t="s">
        <v>255</v>
      </c>
      <c r="E373" s="113" t="s">
        <v>7</v>
      </c>
      <c r="F373" s="52"/>
      <c r="G373" s="53"/>
      <c r="H373" s="90"/>
    </row>
    <row r="374" spans="1:8" ht="12.95" customHeight="1">
      <c r="A374" s="78" t="s">
        <v>7</v>
      </c>
      <c r="B374" s="109" t="s">
        <v>7</v>
      </c>
      <c r="C374" s="100" t="s">
        <v>7</v>
      </c>
      <c r="D374" s="60" t="s">
        <v>7</v>
      </c>
      <c r="E374" s="112" t="s">
        <v>119</v>
      </c>
      <c r="F374" s="126"/>
      <c r="G374" s="54"/>
      <c r="H374" s="91"/>
    </row>
    <row r="375" spans="1:8" ht="12.95" customHeight="1">
      <c r="A375" s="78" t="s">
        <v>7</v>
      </c>
      <c r="B375" s="108" t="s">
        <v>256</v>
      </c>
      <c r="C375" s="98" t="s">
        <v>253</v>
      </c>
      <c r="D375" s="52" t="s">
        <v>7</v>
      </c>
      <c r="E375" s="113" t="s">
        <v>7</v>
      </c>
      <c r="F375" s="124"/>
      <c r="G375" s="53"/>
      <c r="H375" s="90"/>
    </row>
    <row r="376" spans="1:8" ht="12.95" customHeight="1">
      <c r="A376" s="78" t="s">
        <v>7</v>
      </c>
      <c r="B376" s="108" t="s">
        <v>257</v>
      </c>
      <c r="C376" s="98" t="s">
        <v>7</v>
      </c>
      <c r="D376" s="52" t="s">
        <v>258</v>
      </c>
      <c r="E376" s="113" t="s">
        <v>7</v>
      </c>
      <c r="F376" s="52"/>
      <c r="G376" s="53"/>
      <c r="H376" s="90"/>
    </row>
    <row r="377" spans="1:8" ht="12.95" customHeight="1">
      <c r="A377" s="78" t="s">
        <v>7</v>
      </c>
      <c r="B377" s="109" t="s">
        <v>7</v>
      </c>
      <c r="C377" s="100" t="s">
        <v>7</v>
      </c>
      <c r="D377" s="60" t="s">
        <v>7</v>
      </c>
      <c r="E377" s="112" t="s">
        <v>119</v>
      </c>
      <c r="F377" s="126"/>
      <c r="G377" s="54"/>
      <c r="H377" s="91"/>
    </row>
    <row r="378" spans="1:8" ht="12.95" customHeight="1">
      <c r="A378" s="78" t="s">
        <v>7</v>
      </c>
      <c r="B378" s="108" t="s">
        <v>259</v>
      </c>
      <c r="C378" s="98" t="s">
        <v>260</v>
      </c>
      <c r="D378" s="52" t="s">
        <v>7</v>
      </c>
      <c r="E378" s="113" t="s">
        <v>7</v>
      </c>
      <c r="F378" s="124"/>
      <c r="G378" s="53"/>
      <c r="H378" s="90"/>
    </row>
    <row r="379" spans="1:8" ht="12.95" customHeight="1">
      <c r="A379" s="78" t="s">
        <v>7</v>
      </c>
      <c r="B379" s="108" t="s">
        <v>261</v>
      </c>
      <c r="C379" s="98" t="s">
        <v>7</v>
      </c>
      <c r="D379" s="52" t="s">
        <v>262</v>
      </c>
      <c r="E379" s="113" t="s">
        <v>7</v>
      </c>
      <c r="F379" s="52"/>
      <c r="G379" s="53"/>
      <c r="H379" s="90"/>
    </row>
    <row r="380" spans="1:8" ht="12.95" customHeight="1">
      <c r="A380" s="78" t="s">
        <v>7</v>
      </c>
      <c r="B380" s="109" t="s">
        <v>7</v>
      </c>
      <c r="C380" s="100" t="s">
        <v>7</v>
      </c>
      <c r="D380" s="60" t="s">
        <v>7</v>
      </c>
      <c r="E380" s="112" t="s">
        <v>119</v>
      </c>
      <c r="F380" s="126" t="s">
        <v>7</v>
      </c>
      <c r="G380" s="54" t="s">
        <v>7</v>
      </c>
      <c r="H380" s="91"/>
    </row>
    <row r="381" spans="1:8" ht="12.95" customHeight="1">
      <c r="A381" s="78" t="s">
        <v>7</v>
      </c>
      <c r="B381" s="108" t="s">
        <v>263</v>
      </c>
      <c r="C381" s="98" t="s">
        <v>239</v>
      </c>
      <c r="D381" s="52" t="s">
        <v>7</v>
      </c>
      <c r="E381" s="113" t="s">
        <v>7</v>
      </c>
      <c r="F381" s="124"/>
      <c r="G381" s="53"/>
      <c r="H381" s="90"/>
    </row>
    <row r="382" spans="1:8" ht="12.95" customHeight="1">
      <c r="A382" s="78" t="s">
        <v>7</v>
      </c>
      <c r="B382" s="108" t="s">
        <v>264</v>
      </c>
      <c r="C382" s="98" t="s">
        <v>7</v>
      </c>
      <c r="D382" s="52" t="s">
        <v>265</v>
      </c>
      <c r="E382" s="113" t="s">
        <v>7</v>
      </c>
      <c r="F382" s="52"/>
      <c r="G382" s="53"/>
      <c r="H382" s="90" t="s">
        <v>7</v>
      </c>
    </row>
    <row r="383" spans="1:8" ht="12.95" customHeight="1">
      <c r="A383" s="78" t="s">
        <v>7</v>
      </c>
      <c r="B383" s="109" t="s">
        <v>7</v>
      </c>
      <c r="C383" s="100" t="s">
        <v>7</v>
      </c>
      <c r="D383" s="60" t="s">
        <v>7</v>
      </c>
      <c r="E383" s="112" t="s">
        <v>119</v>
      </c>
      <c r="F383" s="126"/>
      <c r="G383" s="54"/>
      <c r="H383" s="91" t="s">
        <v>7</v>
      </c>
    </row>
    <row r="384" spans="1:8" ht="0.95" customHeight="1">
      <c r="B384" s="19"/>
      <c r="C384" s="19"/>
      <c r="D384" s="19"/>
      <c r="E384" s="19"/>
      <c r="F384" s="67"/>
      <c r="G384" s="19"/>
      <c r="H384" s="19"/>
    </row>
    <row r="385" spans="1:8" s="1" customFormat="1" ht="18" customHeight="1">
      <c r="B385" s="79" t="s">
        <v>137</v>
      </c>
      <c r="C385" s="79"/>
      <c r="D385" s="79"/>
      <c r="E385" s="79"/>
      <c r="F385" s="79"/>
      <c r="G385" s="79"/>
      <c r="H385" s="80"/>
    </row>
    <row r="386" spans="1:8" ht="21" customHeight="1">
      <c r="A386" s="78"/>
      <c r="B386" s="207" t="s">
        <v>29</v>
      </c>
      <c r="C386" s="208"/>
      <c r="D386" s="208" t="s">
        <v>206</v>
      </c>
      <c r="E386" s="208"/>
      <c r="F386" s="208"/>
      <c r="G386" s="208" t="s">
        <v>177</v>
      </c>
      <c r="H386" s="209"/>
    </row>
    <row r="387" spans="1:8" ht="21" customHeight="1">
      <c r="A387" s="78"/>
      <c r="B387" s="105" t="s">
        <v>140</v>
      </c>
      <c r="C387" s="106" t="s">
        <v>141</v>
      </c>
      <c r="D387" s="106" t="s">
        <v>142</v>
      </c>
      <c r="E387" s="106" t="s">
        <v>38</v>
      </c>
      <c r="F387" s="106" t="s">
        <v>143</v>
      </c>
      <c r="G387" s="106" t="s">
        <v>144</v>
      </c>
      <c r="H387" s="107" t="s">
        <v>27</v>
      </c>
    </row>
    <row r="388" spans="1:8" ht="12.95" customHeight="1">
      <c r="A388" s="78" t="s">
        <v>7</v>
      </c>
      <c r="B388" s="108" t="s">
        <v>266</v>
      </c>
      <c r="C388" s="98" t="s">
        <v>267</v>
      </c>
      <c r="D388" s="52" t="s">
        <v>7</v>
      </c>
      <c r="E388" s="113" t="s">
        <v>7</v>
      </c>
      <c r="F388" s="124"/>
      <c r="G388" s="53"/>
      <c r="H388" s="90"/>
    </row>
    <row r="389" spans="1:8" ht="12.95" customHeight="1">
      <c r="A389" s="78" t="s">
        <v>7</v>
      </c>
      <c r="B389" s="108" t="s">
        <v>7</v>
      </c>
      <c r="C389" s="98" t="s">
        <v>7</v>
      </c>
      <c r="D389" s="52" t="s">
        <v>268</v>
      </c>
      <c r="E389" s="113" t="s">
        <v>7</v>
      </c>
      <c r="F389" s="52"/>
      <c r="G389" s="53"/>
      <c r="H389" s="90"/>
    </row>
    <row r="390" spans="1:8" ht="12.95" customHeight="1">
      <c r="A390" s="78" t="s">
        <v>7</v>
      </c>
      <c r="B390" s="109" t="s">
        <v>7</v>
      </c>
      <c r="C390" s="100" t="s">
        <v>7</v>
      </c>
      <c r="D390" s="60" t="s">
        <v>7</v>
      </c>
      <c r="E390" s="112" t="s">
        <v>119</v>
      </c>
      <c r="F390" s="126"/>
      <c r="G390" s="54"/>
      <c r="H390" s="91"/>
    </row>
    <row r="391" spans="1:8" ht="12.95" customHeight="1">
      <c r="A391" s="78" t="s">
        <v>7</v>
      </c>
      <c r="B391" s="108" t="s">
        <v>266</v>
      </c>
      <c r="C391" s="98" t="s">
        <v>269</v>
      </c>
      <c r="D391" s="52" t="s">
        <v>7</v>
      </c>
      <c r="E391" s="113" t="s">
        <v>7</v>
      </c>
      <c r="F391" s="124"/>
      <c r="G391" s="53"/>
      <c r="H391" s="90"/>
    </row>
    <row r="392" spans="1:8" ht="12.95" customHeight="1">
      <c r="A392" s="78" t="s">
        <v>7</v>
      </c>
      <c r="B392" s="108" t="s">
        <v>7</v>
      </c>
      <c r="C392" s="98" t="s">
        <v>7</v>
      </c>
      <c r="D392" s="52" t="s">
        <v>270</v>
      </c>
      <c r="E392" s="113" t="s">
        <v>7</v>
      </c>
      <c r="F392" s="52"/>
      <c r="G392" s="53"/>
      <c r="H392" s="90"/>
    </row>
    <row r="393" spans="1:8" ht="12.95" customHeight="1">
      <c r="A393" s="78" t="s">
        <v>7</v>
      </c>
      <c r="B393" s="109" t="s">
        <v>7</v>
      </c>
      <c r="C393" s="100" t="s">
        <v>7</v>
      </c>
      <c r="D393" s="60" t="s">
        <v>7</v>
      </c>
      <c r="E393" s="112" t="s">
        <v>119</v>
      </c>
      <c r="F393" s="126"/>
      <c r="G393" s="54"/>
      <c r="H393" s="91"/>
    </row>
    <row r="394" spans="1:8" ht="12.95" customHeight="1">
      <c r="A394" s="78" t="s">
        <v>7</v>
      </c>
      <c r="B394" s="108" t="s">
        <v>271</v>
      </c>
      <c r="C394" s="98" t="s">
        <v>272</v>
      </c>
      <c r="D394" s="52" t="s">
        <v>7</v>
      </c>
      <c r="E394" s="113" t="s">
        <v>7</v>
      </c>
      <c r="F394" s="124"/>
      <c r="G394" s="53"/>
      <c r="H394" s="90"/>
    </row>
    <row r="395" spans="1:8" ht="12.95" customHeight="1">
      <c r="A395" s="78" t="s">
        <v>7</v>
      </c>
      <c r="B395" s="108" t="s">
        <v>273</v>
      </c>
      <c r="C395" s="98" t="s">
        <v>7</v>
      </c>
      <c r="D395" s="52" t="s">
        <v>274</v>
      </c>
      <c r="E395" s="113" t="s">
        <v>7</v>
      </c>
      <c r="F395" s="52"/>
      <c r="G395" s="53"/>
      <c r="H395" s="90"/>
    </row>
    <row r="396" spans="1:8" ht="12.95" customHeight="1">
      <c r="A396" s="78" t="s">
        <v>7</v>
      </c>
      <c r="B396" s="109" t="s">
        <v>7</v>
      </c>
      <c r="C396" s="100" t="s">
        <v>7</v>
      </c>
      <c r="D396" s="60" t="s">
        <v>7</v>
      </c>
      <c r="E396" s="112" t="s">
        <v>275</v>
      </c>
      <c r="F396" s="126"/>
      <c r="G396" s="54"/>
      <c r="H396" s="91"/>
    </row>
    <row r="397" spans="1:8" ht="12.95" customHeight="1">
      <c r="A397" s="78" t="s">
        <v>7</v>
      </c>
      <c r="B397" s="108" t="s">
        <v>276</v>
      </c>
      <c r="C397" s="98" t="s">
        <v>7</v>
      </c>
      <c r="D397" s="52" t="s">
        <v>7</v>
      </c>
      <c r="E397" s="113" t="s">
        <v>7</v>
      </c>
      <c r="F397" s="124"/>
      <c r="G397" s="53"/>
      <c r="H397" s="90"/>
    </row>
    <row r="398" spans="1:8" ht="12.95" customHeight="1">
      <c r="A398" s="78" t="s">
        <v>7</v>
      </c>
      <c r="B398" s="108" t="s">
        <v>277</v>
      </c>
      <c r="C398" s="98" t="s">
        <v>7</v>
      </c>
      <c r="D398" s="52" t="s">
        <v>30</v>
      </c>
      <c r="E398" s="113" t="s">
        <v>7</v>
      </c>
      <c r="F398" s="52"/>
      <c r="G398" s="53"/>
      <c r="H398" s="90"/>
    </row>
    <row r="399" spans="1:8" ht="12.95" customHeight="1">
      <c r="A399" s="78" t="s">
        <v>7</v>
      </c>
      <c r="B399" s="109" t="s">
        <v>7</v>
      </c>
      <c r="C399" s="100" t="s">
        <v>7</v>
      </c>
      <c r="D399" s="60" t="s">
        <v>7</v>
      </c>
      <c r="E399" s="112" t="s">
        <v>130</v>
      </c>
      <c r="F399" s="126" t="s">
        <v>7</v>
      </c>
      <c r="G399" s="54" t="s">
        <v>7</v>
      </c>
      <c r="H399" s="91"/>
    </row>
    <row r="400" spans="1:8" ht="12.95" customHeight="1">
      <c r="A400" s="78" t="s">
        <v>7</v>
      </c>
      <c r="B400" s="108" t="s">
        <v>278</v>
      </c>
      <c r="C400" s="98" t="s">
        <v>279</v>
      </c>
      <c r="D400" s="52" t="s">
        <v>7</v>
      </c>
      <c r="E400" s="113" t="s">
        <v>7</v>
      </c>
      <c r="F400" s="124"/>
      <c r="G400" s="53"/>
      <c r="H400" s="90"/>
    </row>
    <row r="401" spans="1:8" ht="12.95" customHeight="1">
      <c r="A401" s="78" t="s">
        <v>7</v>
      </c>
      <c r="B401" s="108" t="s">
        <v>277</v>
      </c>
      <c r="C401" s="98" t="s">
        <v>7</v>
      </c>
      <c r="D401" s="52" t="s">
        <v>30</v>
      </c>
      <c r="E401" s="113" t="s">
        <v>7</v>
      </c>
      <c r="F401" s="52"/>
      <c r="G401" s="53"/>
      <c r="H401" s="90"/>
    </row>
    <row r="402" spans="1:8" ht="12.95" customHeight="1">
      <c r="A402" s="78" t="s">
        <v>7</v>
      </c>
      <c r="B402" s="109" t="s">
        <v>7</v>
      </c>
      <c r="C402" s="100" t="s">
        <v>7</v>
      </c>
      <c r="D402" s="60" t="s">
        <v>7</v>
      </c>
      <c r="E402" s="112" t="s">
        <v>130</v>
      </c>
      <c r="F402" s="126"/>
      <c r="G402" s="54"/>
      <c r="H402" s="91"/>
    </row>
    <row r="403" spans="1:8" ht="12.95" customHeight="1">
      <c r="A403" s="78" t="s">
        <v>7</v>
      </c>
      <c r="B403" s="110" t="s">
        <v>34</v>
      </c>
      <c r="C403" s="98" t="s">
        <v>7</v>
      </c>
      <c r="D403" s="52" t="s">
        <v>7</v>
      </c>
      <c r="E403" s="113" t="s">
        <v>7</v>
      </c>
      <c r="F403" s="52"/>
      <c r="G403" s="53"/>
      <c r="H403" s="90"/>
    </row>
    <row r="404" spans="1:8" ht="12.95" customHeight="1">
      <c r="A404" s="78" t="s">
        <v>7</v>
      </c>
      <c r="B404" s="108" t="s">
        <v>7</v>
      </c>
      <c r="C404" s="98" t="s">
        <v>7</v>
      </c>
      <c r="D404" s="52" t="s">
        <v>7</v>
      </c>
      <c r="E404" s="113" t="s">
        <v>7</v>
      </c>
      <c r="F404" s="52"/>
      <c r="G404" s="53"/>
      <c r="H404" s="90"/>
    </row>
    <row r="405" spans="1:8" ht="12.95" customHeight="1">
      <c r="A405" s="78" t="s">
        <v>7</v>
      </c>
      <c r="B405" s="109" t="s">
        <v>7</v>
      </c>
      <c r="C405" s="100" t="s">
        <v>7</v>
      </c>
      <c r="D405" s="60" t="s">
        <v>7</v>
      </c>
      <c r="E405" s="112" t="s">
        <v>7</v>
      </c>
      <c r="F405" s="60"/>
      <c r="G405" s="54"/>
      <c r="H405" s="91"/>
    </row>
    <row r="406" spans="1:8" ht="12.95" customHeight="1">
      <c r="A406" s="78"/>
      <c r="B406" s="45"/>
      <c r="C406" s="32"/>
      <c r="D406" s="61"/>
      <c r="E406" s="46"/>
      <c r="F406" s="61"/>
      <c r="G406" s="55"/>
      <c r="H406" s="12"/>
    </row>
    <row r="407" spans="1:8" ht="12.95" customHeight="1">
      <c r="A407" s="78"/>
      <c r="B407" s="40"/>
      <c r="C407" s="25"/>
      <c r="D407" s="52"/>
      <c r="E407" s="44"/>
      <c r="F407" s="52"/>
      <c r="G407" s="53"/>
      <c r="H407" s="5"/>
    </row>
    <row r="408" spans="1:8" ht="12.95" customHeight="1">
      <c r="A408" s="78"/>
      <c r="B408" s="42"/>
      <c r="C408" s="28"/>
      <c r="D408" s="60"/>
      <c r="E408" s="43"/>
      <c r="F408" s="60"/>
      <c r="G408" s="54"/>
      <c r="H408" s="8"/>
    </row>
    <row r="409" spans="1:8" ht="12.95" customHeight="1">
      <c r="A409" s="78"/>
      <c r="B409" s="45"/>
      <c r="C409" s="32"/>
      <c r="D409" s="61"/>
      <c r="E409" s="46"/>
      <c r="F409" s="61"/>
      <c r="G409" s="55"/>
      <c r="H409" s="12"/>
    </row>
    <row r="410" spans="1:8" ht="12.95" customHeight="1">
      <c r="A410" s="78"/>
      <c r="B410" s="40"/>
      <c r="C410" s="25"/>
      <c r="D410" s="52"/>
      <c r="E410" s="44"/>
      <c r="F410" s="52"/>
      <c r="G410" s="53"/>
      <c r="H410" s="5"/>
    </row>
    <row r="411" spans="1:8" ht="12.95" customHeight="1">
      <c r="A411" s="78"/>
      <c r="B411" s="42"/>
      <c r="C411" s="28"/>
      <c r="D411" s="60"/>
      <c r="E411" s="43"/>
      <c r="F411" s="60"/>
      <c r="G411" s="54"/>
      <c r="H411" s="8"/>
    </row>
    <row r="412" spans="1:8" ht="12.95" customHeight="1">
      <c r="A412" s="78"/>
      <c r="B412" s="45"/>
      <c r="C412" s="32"/>
      <c r="D412" s="61"/>
      <c r="E412" s="46"/>
      <c r="F412" s="61"/>
      <c r="G412" s="55"/>
      <c r="H412" s="12"/>
    </row>
    <row r="413" spans="1:8" ht="12.95" customHeight="1">
      <c r="A413" s="78"/>
      <c r="B413" s="40"/>
      <c r="C413" s="25"/>
      <c r="D413" s="52"/>
      <c r="E413" s="44"/>
      <c r="F413" s="52"/>
      <c r="G413" s="53"/>
      <c r="H413" s="5"/>
    </row>
    <row r="414" spans="1:8" ht="12.95" customHeight="1">
      <c r="A414" s="78"/>
      <c r="B414" s="42"/>
      <c r="C414" s="28"/>
      <c r="D414" s="60"/>
      <c r="E414" s="43"/>
      <c r="F414" s="60"/>
      <c r="G414" s="54"/>
      <c r="H414" s="8"/>
    </row>
    <row r="415" spans="1:8" ht="12.95" customHeight="1">
      <c r="A415" s="78"/>
      <c r="B415" s="45"/>
      <c r="C415" s="32"/>
      <c r="D415" s="61"/>
      <c r="E415" s="46"/>
      <c r="F415" s="61"/>
      <c r="G415" s="55"/>
      <c r="H415" s="12"/>
    </row>
    <row r="416" spans="1:8" ht="12.95" customHeight="1">
      <c r="A416" s="78"/>
      <c r="B416" s="40"/>
      <c r="C416" s="25"/>
      <c r="D416" s="52"/>
      <c r="E416" s="44"/>
      <c r="F416" s="52"/>
      <c r="G416" s="53"/>
      <c r="H416" s="5"/>
    </row>
    <row r="417" spans="1:8" ht="12.95" customHeight="1">
      <c r="A417" s="78"/>
      <c r="B417" s="42"/>
      <c r="C417" s="28"/>
      <c r="D417" s="60"/>
      <c r="E417" s="43"/>
      <c r="F417" s="60"/>
      <c r="G417" s="54"/>
      <c r="H417" s="8"/>
    </row>
    <row r="418" spans="1:8" ht="12.95" customHeight="1">
      <c r="A418" s="78"/>
      <c r="B418" s="45"/>
      <c r="C418" s="32"/>
      <c r="D418" s="61"/>
      <c r="E418" s="46"/>
      <c r="F418" s="61"/>
      <c r="G418" s="55"/>
      <c r="H418" s="12"/>
    </row>
    <row r="419" spans="1:8" ht="12.95" customHeight="1">
      <c r="A419" s="78"/>
      <c r="B419" s="40"/>
      <c r="C419" s="25"/>
      <c r="D419" s="52"/>
      <c r="E419" s="44"/>
      <c r="F419" s="52"/>
      <c r="G419" s="53"/>
      <c r="H419" s="5"/>
    </row>
    <row r="420" spans="1:8" ht="12.95" customHeight="1">
      <c r="A420" s="78"/>
      <c r="B420" s="42"/>
      <c r="C420" s="28"/>
      <c r="D420" s="60"/>
      <c r="E420" s="43"/>
      <c r="F420" s="60"/>
      <c r="G420" s="54"/>
      <c r="H420" s="8"/>
    </row>
    <row r="421" spans="1:8" ht="12.95" customHeight="1">
      <c r="A421" s="78"/>
      <c r="B421" s="45"/>
      <c r="C421" s="32"/>
      <c r="D421" s="61"/>
      <c r="E421" s="46"/>
      <c r="F421" s="61"/>
      <c r="G421" s="55"/>
      <c r="H421" s="12"/>
    </row>
    <row r="422" spans="1:8" ht="12.95" customHeight="1">
      <c r="A422" s="78"/>
      <c r="B422" s="40"/>
      <c r="C422" s="25"/>
      <c r="D422" s="52"/>
      <c r="E422" s="44"/>
      <c r="F422" s="52"/>
      <c r="G422" s="53"/>
      <c r="H422" s="5"/>
    </row>
    <row r="423" spans="1:8" ht="12.95" customHeight="1">
      <c r="A423" s="78"/>
      <c r="B423" s="42"/>
      <c r="C423" s="28"/>
      <c r="D423" s="60"/>
      <c r="E423" s="43"/>
      <c r="F423" s="60"/>
      <c r="G423" s="54"/>
      <c r="H423" s="8"/>
    </row>
    <row r="424" spans="1:8" ht="12.95" customHeight="1">
      <c r="A424" s="78"/>
      <c r="B424" s="45"/>
      <c r="C424" s="32"/>
      <c r="D424" s="61"/>
      <c r="E424" s="47"/>
      <c r="F424" s="65"/>
      <c r="G424" s="55"/>
      <c r="H424" s="12"/>
    </row>
    <row r="425" spans="1:8" ht="12.95" customHeight="1">
      <c r="A425" s="78"/>
      <c r="B425" s="40"/>
      <c r="C425" s="25"/>
      <c r="D425" s="52"/>
      <c r="E425" s="44"/>
      <c r="F425" s="52"/>
      <c r="G425" s="53"/>
      <c r="H425" s="5"/>
    </row>
    <row r="426" spans="1:8" ht="12.95" customHeight="1">
      <c r="A426" s="78"/>
      <c r="B426" s="42"/>
      <c r="C426" s="28"/>
      <c r="D426" s="60"/>
      <c r="E426" s="43"/>
      <c r="F426" s="60"/>
      <c r="G426" s="54"/>
      <c r="H426" s="8"/>
    </row>
    <row r="427" spans="1:8" ht="12.95" customHeight="1">
      <c r="A427" s="78"/>
      <c r="B427" s="45"/>
      <c r="C427" s="32"/>
      <c r="D427" s="61"/>
      <c r="E427" s="46"/>
      <c r="F427" s="61"/>
      <c r="G427" s="55"/>
      <c r="H427" s="12"/>
    </row>
    <row r="428" spans="1:8" ht="12.95" customHeight="1">
      <c r="A428" s="78"/>
      <c r="B428" s="40"/>
      <c r="C428" s="25"/>
      <c r="D428" s="52"/>
      <c r="E428" s="44"/>
      <c r="F428" s="52"/>
      <c r="G428" s="53"/>
      <c r="H428" s="5"/>
    </row>
    <row r="429" spans="1:8" ht="12.95" customHeight="1">
      <c r="A429" s="78"/>
      <c r="B429" s="42"/>
      <c r="C429" s="28"/>
      <c r="D429" s="60"/>
      <c r="E429" s="43"/>
      <c r="F429" s="60"/>
      <c r="G429" s="54"/>
      <c r="H429" s="8"/>
    </row>
    <row r="430" spans="1:8" ht="12.95" customHeight="1">
      <c r="A430" s="78"/>
      <c r="B430" s="45"/>
      <c r="C430" s="32"/>
      <c r="D430" s="61"/>
      <c r="E430" s="46"/>
      <c r="F430" s="61"/>
      <c r="G430" s="55"/>
      <c r="H430" s="12"/>
    </row>
    <row r="431" spans="1:8" ht="12.95" customHeight="1">
      <c r="A431" s="78"/>
      <c r="B431" s="40"/>
      <c r="C431" s="25"/>
      <c r="D431" s="52"/>
      <c r="E431" s="44"/>
      <c r="F431" s="52"/>
      <c r="G431" s="53"/>
      <c r="H431" s="5"/>
    </row>
    <row r="432" spans="1:8" ht="12.95" customHeight="1">
      <c r="A432" s="78"/>
      <c r="B432" s="42"/>
      <c r="C432" s="28"/>
      <c r="D432" s="60"/>
      <c r="E432" s="43"/>
      <c r="F432" s="60"/>
      <c r="G432" s="54"/>
      <c r="H432" s="8"/>
    </row>
    <row r="433" spans="1:8" ht="12.95" customHeight="1">
      <c r="A433" s="78"/>
      <c r="B433" s="45"/>
      <c r="C433" s="32"/>
      <c r="D433" s="61"/>
      <c r="E433" s="46"/>
      <c r="F433" s="61"/>
      <c r="G433" s="55"/>
      <c r="H433" s="12"/>
    </row>
    <row r="434" spans="1:8" ht="12.95" customHeight="1">
      <c r="A434" s="78"/>
      <c r="B434" s="40"/>
      <c r="C434" s="25"/>
      <c r="D434" s="52"/>
      <c r="E434" s="41"/>
      <c r="F434" s="64"/>
      <c r="G434" s="53"/>
      <c r="H434" s="5"/>
    </row>
    <row r="435" spans="1:8" ht="12.95" customHeight="1">
      <c r="A435" s="78"/>
      <c r="B435" s="42"/>
      <c r="C435" s="28"/>
      <c r="D435" s="60"/>
      <c r="E435" s="43"/>
      <c r="F435" s="60"/>
      <c r="G435" s="54"/>
      <c r="H435" s="8"/>
    </row>
    <row r="436" spans="1:8" ht="12.95" customHeight="1">
      <c r="A436" s="78"/>
      <c r="B436" s="45"/>
      <c r="C436" s="32"/>
      <c r="D436" s="61"/>
      <c r="E436" s="46"/>
      <c r="F436" s="61"/>
      <c r="G436" s="55"/>
      <c r="H436" s="12"/>
    </row>
    <row r="437" spans="1:8" ht="12.95" customHeight="1">
      <c r="A437" s="78"/>
      <c r="B437" s="40"/>
      <c r="C437" s="25"/>
      <c r="D437" s="52"/>
      <c r="E437" s="44"/>
      <c r="F437" s="52"/>
      <c r="G437" s="53"/>
      <c r="H437" s="5"/>
    </row>
    <row r="438" spans="1:8" ht="12.95" customHeight="1">
      <c r="A438" s="78"/>
      <c r="B438" s="42"/>
      <c r="C438" s="28"/>
      <c r="D438" s="60"/>
      <c r="E438" s="43"/>
      <c r="F438" s="60"/>
      <c r="G438" s="54"/>
      <c r="H438" s="8"/>
    </row>
    <row r="439" spans="1:8" ht="12.95" customHeight="1">
      <c r="A439" s="78"/>
      <c r="B439" s="45"/>
      <c r="C439" s="32"/>
      <c r="D439" s="61"/>
      <c r="E439" s="46"/>
      <c r="F439" s="61"/>
      <c r="G439" s="55"/>
      <c r="H439" s="12"/>
    </row>
    <row r="440" spans="1:8" ht="12.95" customHeight="1">
      <c r="A440" s="78"/>
      <c r="B440" s="40"/>
      <c r="C440" s="25"/>
      <c r="D440" s="52"/>
      <c r="E440" s="44"/>
      <c r="F440" s="52"/>
      <c r="G440" s="53"/>
      <c r="H440" s="5"/>
    </row>
    <row r="441" spans="1:8" ht="12.95" customHeight="1">
      <c r="A441" s="78"/>
      <c r="B441" s="42"/>
      <c r="C441" s="28"/>
      <c r="D441" s="60"/>
      <c r="E441" s="43"/>
      <c r="F441" s="60"/>
      <c r="G441" s="54"/>
      <c r="H441" s="8"/>
    </row>
    <row r="442" spans="1:8" ht="12.95" customHeight="1">
      <c r="A442" s="78"/>
      <c r="B442" s="45"/>
      <c r="C442" s="32"/>
      <c r="D442" s="61"/>
      <c r="E442" s="46"/>
      <c r="F442" s="61"/>
      <c r="G442" s="55"/>
      <c r="H442" s="12"/>
    </row>
    <row r="443" spans="1:8" ht="12.95" customHeight="1">
      <c r="A443" s="78"/>
      <c r="B443" s="40"/>
      <c r="C443" s="25"/>
      <c r="D443" s="52"/>
      <c r="E443" s="44"/>
      <c r="F443" s="52"/>
      <c r="G443" s="53"/>
      <c r="H443" s="5"/>
    </row>
    <row r="444" spans="1:8" ht="12.95" customHeight="1">
      <c r="A444" s="78"/>
      <c r="B444" s="42"/>
      <c r="C444" s="28"/>
      <c r="D444" s="60"/>
      <c r="E444" s="48"/>
      <c r="F444" s="66"/>
      <c r="G444" s="54"/>
      <c r="H444" s="8"/>
    </row>
    <row r="445" spans="1:8" ht="12.95" customHeight="1">
      <c r="A445" s="78"/>
      <c r="B445" s="45"/>
      <c r="C445" s="32"/>
      <c r="D445" s="61"/>
      <c r="E445" s="46"/>
      <c r="F445" s="61"/>
      <c r="G445" s="55"/>
      <c r="H445" s="12"/>
    </row>
    <row r="446" spans="1:8" ht="12.95" customHeight="1">
      <c r="A446" s="78"/>
      <c r="B446" s="40"/>
      <c r="C446" s="25"/>
      <c r="D446" s="62"/>
      <c r="E446" s="44"/>
      <c r="F446" s="62"/>
      <c r="G446" s="53"/>
      <c r="H446" s="5"/>
    </row>
    <row r="447" spans="1:8" ht="12.95" customHeight="1">
      <c r="A447" s="78"/>
      <c r="B447" s="50"/>
      <c r="C447" s="38"/>
      <c r="D447" s="63"/>
      <c r="E447" s="51"/>
      <c r="F447" s="63"/>
      <c r="G447" s="57"/>
      <c r="H447" s="18"/>
    </row>
    <row r="448" spans="1:8" ht="0.95" customHeight="1">
      <c r="B448" s="19"/>
      <c r="C448" s="19"/>
      <c r="D448" s="19"/>
      <c r="E448" s="19"/>
      <c r="F448" s="67"/>
      <c r="G448" s="19"/>
      <c r="H448" s="19"/>
    </row>
    <row r="449" spans="1:8" s="1" customFormat="1" ht="18" customHeight="1">
      <c r="B449" s="79" t="s">
        <v>137</v>
      </c>
      <c r="C449" s="79"/>
      <c r="D449" s="79"/>
      <c r="E449" s="79"/>
      <c r="F449" s="79"/>
      <c r="G449" s="79"/>
      <c r="H449" s="80"/>
    </row>
    <row r="450" spans="1:8" ht="21" customHeight="1">
      <c r="A450" s="78"/>
      <c r="B450" s="207" t="s">
        <v>29</v>
      </c>
      <c r="C450" s="208"/>
      <c r="D450" s="208" t="s">
        <v>206</v>
      </c>
      <c r="E450" s="208"/>
      <c r="F450" s="208"/>
      <c r="G450" s="208" t="s">
        <v>139</v>
      </c>
      <c r="H450" s="209"/>
    </row>
    <row r="451" spans="1:8" ht="21" customHeight="1">
      <c r="A451" s="78"/>
      <c r="B451" s="105" t="s">
        <v>140</v>
      </c>
      <c r="C451" s="106" t="s">
        <v>141</v>
      </c>
      <c r="D451" s="106" t="s">
        <v>142</v>
      </c>
      <c r="E451" s="106" t="s">
        <v>38</v>
      </c>
      <c r="F451" s="106" t="s">
        <v>143</v>
      </c>
      <c r="G451" s="106" t="s">
        <v>144</v>
      </c>
      <c r="H451" s="107" t="s">
        <v>27</v>
      </c>
    </row>
    <row r="452" spans="1:8" ht="12.95" customHeight="1">
      <c r="A452" s="78" t="s">
        <v>7</v>
      </c>
      <c r="B452" s="108" t="s">
        <v>280</v>
      </c>
      <c r="C452" s="98" t="s">
        <v>281</v>
      </c>
      <c r="D452" s="52" t="s">
        <v>7</v>
      </c>
      <c r="E452" s="113" t="s">
        <v>7</v>
      </c>
      <c r="F452" s="124"/>
      <c r="G452" s="53"/>
      <c r="H452" s="90"/>
    </row>
    <row r="453" spans="1:8" ht="12.95" customHeight="1">
      <c r="A453" s="78" t="s">
        <v>7</v>
      </c>
      <c r="B453" s="108" t="s">
        <v>7</v>
      </c>
      <c r="C453" s="98" t="s">
        <v>282</v>
      </c>
      <c r="D453" s="52" t="s">
        <v>283</v>
      </c>
      <c r="E453" s="113" t="s">
        <v>7</v>
      </c>
      <c r="F453" s="52"/>
      <c r="G453" s="53"/>
      <c r="H453" s="90"/>
    </row>
    <row r="454" spans="1:8" ht="12.95" customHeight="1">
      <c r="A454" s="78" t="s">
        <v>7</v>
      </c>
      <c r="B454" s="109" t="s">
        <v>7</v>
      </c>
      <c r="C454" s="100" t="s">
        <v>7</v>
      </c>
      <c r="D454" s="60" t="s">
        <v>7</v>
      </c>
      <c r="E454" s="112" t="s">
        <v>134</v>
      </c>
      <c r="F454" s="126"/>
      <c r="G454" s="54"/>
      <c r="H454" s="91"/>
    </row>
    <row r="455" spans="1:8" ht="12.95" customHeight="1">
      <c r="A455" s="78" t="s">
        <v>7</v>
      </c>
      <c r="B455" s="108" t="s">
        <v>284</v>
      </c>
      <c r="C455" s="98" t="s">
        <v>285</v>
      </c>
      <c r="D455" s="52" t="s">
        <v>7</v>
      </c>
      <c r="E455" s="113" t="s">
        <v>7</v>
      </c>
      <c r="F455" s="124"/>
      <c r="G455" s="53"/>
      <c r="H455" s="90"/>
    </row>
    <row r="456" spans="1:8" ht="12.95" customHeight="1">
      <c r="A456" s="78" t="s">
        <v>7</v>
      </c>
      <c r="B456" s="108" t="s">
        <v>7</v>
      </c>
      <c r="C456" s="98" t="s">
        <v>7</v>
      </c>
      <c r="D456" s="52" t="s">
        <v>286</v>
      </c>
      <c r="E456" s="113" t="s">
        <v>7</v>
      </c>
      <c r="F456" s="52"/>
      <c r="G456" s="53"/>
      <c r="H456" s="90"/>
    </row>
    <row r="457" spans="1:8" ht="12.95" customHeight="1">
      <c r="A457" s="78" t="s">
        <v>7</v>
      </c>
      <c r="B457" s="109" t="s">
        <v>7</v>
      </c>
      <c r="C457" s="100" t="s">
        <v>7</v>
      </c>
      <c r="D457" s="60" t="s">
        <v>7</v>
      </c>
      <c r="E457" s="112" t="s">
        <v>134</v>
      </c>
      <c r="F457" s="126"/>
      <c r="G457" s="54"/>
      <c r="H457" s="91"/>
    </row>
    <row r="458" spans="1:8" ht="12.95" customHeight="1">
      <c r="A458" s="78" t="s">
        <v>7</v>
      </c>
      <c r="B458" s="108" t="s">
        <v>287</v>
      </c>
      <c r="C458" s="98" t="s">
        <v>288</v>
      </c>
      <c r="D458" s="52" t="s">
        <v>7</v>
      </c>
      <c r="E458" s="113" t="s">
        <v>7</v>
      </c>
      <c r="F458" s="124"/>
      <c r="G458" s="53"/>
      <c r="H458" s="90"/>
    </row>
    <row r="459" spans="1:8" ht="12.95" customHeight="1">
      <c r="A459" s="78" t="s">
        <v>7</v>
      </c>
      <c r="B459" s="108" t="s">
        <v>7</v>
      </c>
      <c r="C459" s="98" t="s">
        <v>7</v>
      </c>
      <c r="D459" s="52" t="s">
        <v>268</v>
      </c>
      <c r="E459" s="113" t="s">
        <v>7</v>
      </c>
      <c r="F459" s="52"/>
      <c r="G459" s="53"/>
      <c r="H459" s="90"/>
    </row>
    <row r="460" spans="1:8" ht="12.95" customHeight="1">
      <c r="A460" s="78" t="s">
        <v>7</v>
      </c>
      <c r="B460" s="109" t="s">
        <v>7</v>
      </c>
      <c r="C460" s="100" t="s">
        <v>7</v>
      </c>
      <c r="D460" s="60" t="s">
        <v>7</v>
      </c>
      <c r="E460" s="112" t="s">
        <v>119</v>
      </c>
      <c r="F460" s="126"/>
      <c r="G460" s="54"/>
      <c r="H460" s="91"/>
    </row>
    <row r="461" spans="1:8" ht="12.95" customHeight="1">
      <c r="A461" s="78" t="s">
        <v>7</v>
      </c>
      <c r="B461" s="108" t="s">
        <v>287</v>
      </c>
      <c r="C461" s="98" t="s">
        <v>289</v>
      </c>
      <c r="D461" s="52" t="s">
        <v>7</v>
      </c>
      <c r="E461" s="113" t="s">
        <v>7</v>
      </c>
      <c r="F461" s="124"/>
      <c r="G461" s="53"/>
      <c r="H461" s="90"/>
    </row>
    <row r="462" spans="1:8" ht="12.95" customHeight="1">
      <c r="A462" s="78" t="s">
        <v>7</v>
      </c>
      <c r="B462" s="108" t="s">
        <v>7</v>
      </c>
      <c r="C462" s="98" t="s">
        <v>7</v>
      </c>
      <c r="D462" s="52" t="s">
        <v>270</v>
      </c>
      <c r="E462" s="113" t="s">
        <v>7</v>
      </c>
      <c r="F462" s="52"/>
      <c r="G462" s="53"/>
      <c r="H462" s="90"/>
    </row>
    <row r="463" spans="1:8" ht="12.95" customHeight="1">
      <c r="A463" s="78" t="s">
        <v>7</v>
      </c>
      <c r="B463" s="109" t="s">
        <v>7</v>
      </c>
      <c r="C463" s="100" t="s">
        <v>7</v>
      </c>
      <c r="D463" s="60" t="s">
        <v>7</v>
      </c>
      <c r="E463" s="112" t="s">
        <v>119</v>
      </c>
      <c r="F463" s="126"/>
      <c r="G463" s="54"/>
      <c r="H463" s="91"/>
    </row>
    <row r="464" spans="1:8" ht="12.95" customHeight="1">
      <c r="A464" s="78" t="s">
        <v>7</v>
      </c>
      <c r="B464" s="108" t="s">
        <v>235</v>
      </c>
      <c r="C464" s="98" t="s">
        <v>236</v>
      </c>
      <c r="D464" s="52" t="s">
        <v>7</v>
      </c>
      <c r="E464" s="113" t="s">
        <v>7</v>
      </c>
      <c r="F464" s="124"/>
      <c r="G464" s="53"/>
      <c r="H464" s="90"/>
    </row>
    <row r="465" spans="1:8" ht="12.95" customHeight="1">
      <c r="A465" s="78" t="s">
        <v>7</v>
      </c>
      <c r="B465" s="108" t="s">
        <v>290</v>
      </c>
      <c r="C465" s="98" t="s">
        <v>7</v>
      </c>
      <c r="D465" s="52" t="s">
        <v>223</v>
      </c>
      <c r="E465" s="113" t="s">
        <v>7</v>
      </c>
      <c r="F465" s="52"/>
      <c r="G465" s="53"/>
      <c r="H465" s="90"/>
    </row>
    <row r="466" spans="1:8" ht="12.95" customHeight="1">
      <c r="A466" s="78" t="s">
        <v>7</v>
      </c>
      <c r="B466" s="109" t="s">
        <v>7</v>
      </c>
      <c r="C466" s="100" t="s">
        <v>7</v>
      </c>
      <c r="D466" s="60" t="s">
        <v>7</v>
      </c>
      <c r="E466" s="112" t="s">
        <v>134</v>
      </c>
      <c r="F466" s="126"/>
      <c r="G466" s="54"/>
      <c r="H466" s="91"/>
    </row>
    <row r="467" spans="1:8" ht="12.95" customHeight="1">
      <c r="A467" s="78" t="s">
        <v>7</v>
      </c>
      <c r="B467" s="108" t="s">
        <v>291</v>
      </c>
      <c r="C467" s="98" t="s">
        <v>292</v>
      </c>
      <c r="D467" s="52" t="s">
        <v>7</v>
      </c>
      <c r="E467" s="113" t="s">
        <v>7</v>
      </c>
      <c r="F467" s="124"/>
      <c r="G467" s="53"/>
      <c r="H467" s="90"/>
    </row>
    <row r="468" spans="1:8" ht="12.95" customHeight="1">
      <c r="A468" s="78" t="s">
        <v>7</v>
      </c>
      <c r="B468" s="108" t="s">
        <v>7</v>
      </c>
      <c r="C468" s="98" t="s">
        <v>7</v>
      </c>
      <c r="D468" s="52" t="s">
        <v>293</v>
      </c>
      <c r="E468" s="113" t="s">
        <v>7</v>
      </c>
      <c r="F468" s="52"/>
      <c r="G468" s="53"/>
      <c r="H468" s="90"/>
    </row>
    <row r="469" spans="1:8" ht="12.95" customHeight="1">
      <c r="A469" s="78" t="s">
        <v>7</v>
      </c>
      <c r="B469" s="109" t="s">
        <v>7</v>
      </c>
      <c r="C469" s="100" t="s">
        <v>7</v>
      </c>
      <c r="D469" s="60" t="s">
        <v>7</v>
      </c>
      <c r="E469" s="112" t="s">
        <v>134</v>
      </c>
      <c r="F469" s="126"/>
      <c r="G469" s="54"/>
      <c r="H469" s="91"/>
    </row>
    <row r="470" spans="1:8" ht="12.95" customHeight="1">
      <c r="A470" s="78" t="s">
        <v>7</v>
      </c>
      <c r="B470" s="108" t="s">
        <v>231</v>
      </c>
      <c r="C470" s="98" t="s">
        <v>232</v>
      </c>
      <c r="D470" s="52" t="s">
        <v>7</v>
      </c>
      <c r="E470" s="113" t="s">
        <v>7</v>
      </c>
      <c r="F470" s="124"/>
      <c r="G470" s="53"/>
      <c r="H470" s="90"/>
    </row>
    <row r="471" spans="1:8" ht="12.95" customHeight="1">
      <c r="A471" s="78" t="s">
        <v>7</v>
      </c>
      <c r="B471" s="108" t="s">
        <v>294</v>
      </c>
      <c r="C471" s="98" t="s">
        <v>7</v>
      </c>
      <c r="D471" s="52" t="s">
        <v>295</v>
      </c>
      <c r="E471" s="113" t="s">
        <v>7</v>
      </c>
      <c r="F471" s="52"/>
      <c r="G471" s="53"/>
      <c r="H471" s="90"/>
    </row>
    <row r="472" spans="1:8" ht="12.95" customHeight="1">
      <c r="A472" s="78" t="s">
        <v>7</v>
      </c>
      <c r="B472" s="109" t="s">
        <v>7</v>
      </c>
      <c r="C472" s="100" t="s">
        <v>7</v>
      </c>
      <c r="D472" s="60" t="s">
        <v>7</v>
      </c>
      <c r="E472" s="112" t="s">
        <v>134</v>
      </c>
      <c r="F472" s="126"/>
      <c r="G472" s="54"/>
      <c r="H472" s="91"/>
    </row>
    <row r="473" spans="1:8" ht="12.95" customHeight="1">
      <c r="A473" s="78" t="s">
        <v>7</v>
      </c>
      <c r="B473" s="108" t="s">
        <v>296</v>
      </c>
      <c r="C473" s="98" t="s">
        <v>297</v>
      </c>
      <c r="D473" s="52" t="s">
        <v>7</v>
      </c>
      <c r="E473" s="113" t="s">
        <v>7</v>
      </c>
      <c r="F473" s="124"/>
      <c r="G473" s="53"/>
      <c r="H473" s="90"/>
    </row>
    <row r="474" spans="1:8" ht="12.95" customHeight="1">
      <c r="A474" s="78" t="s">
        <v>7</v>
      </c>
      <c r="B474" s="108" t="s">
        <v>298</v>
      </c>
      <c r="C474" s="98" t="s">
        <v>7</v>
      </c>
      <c r="D474" s="52" t="s">
        <v>299</v>
      </c>
      <c r="E474" s="113" t="s">
        <v>7</v>
      </c>
      <c r="F474" s="52"/>
      <c r="G474" s="53"/>
      <c r="H474" s="90"/>
    </row>
    <row r="475" spans="1:8" ht="12.95" customHeight="1">
      <c r="A475" s="78" t="s">
        <v>7</v>
      </c>
      <c r="B475" s="109" t="s">
        <v>7</v>
      </c>
      <c r="C475" s="100" t="s">
        <v>7</v>
      </c>
      <c r="D475" s="60" t="s">
        <v>7</v>
      </c>
      <c r="E475" s="112" t="s">
        <v>130</v>
      </c>
      <c r="F475" s="126"/>
      <c r="G475" s="54"/>
      <c r="H475" s="91"/>
    </row>
    <row r="476" spans="1:8" ht="12.95" customHeight="1">
      <c r="A476" s="78" t="s">
        <v>7</v>
      </c>
      <c r="B476" s="108" t="s">
        <v>300</v>
      </c>
      <c r="C476" s="98" t="s">
        <v>301</v>
      </c>
      <c r="D476" s="52" t="s">
        <v>7</v>
      </c>
      <c r="E476" s="113" t="s">
        <v>7</v>
      </c>
      <c r="F476" s="124"/>
      <c r="G476" s="53"/>
      <c r="H476" s="90"/>
    </row>
    <row r="477" spans="1:8" ht="12.95" customHeight="1">
      <c r="A477" s="78" t="s">
        <v>7</v>
      </c>
      <c r="B477" s="108" t="s">
        <v>302</v>
      </c>
      <c r="C477" s="98" t="s">
        <v>7</v>
      </c>
      <c r="D477" s="52" t="s">
        <v>149</v>
      </c>
      <c r="E477" s="113" t="s">
        <v>7</v>
      </c>
      <c r="F477" s="52"/>
      <c r="G477" s="53"/>
      <c r="H477" s="90"/>
    </row>
    <row r="478" spans="1:8" ht="12.95" customHeight="1">
      <c r="A478" s="78" t="s">
        <v>7</v>
      </c>
      <c r="B478" s="109" t="s">
        <v>7</v>
      </c>
      <c r="C478" s="100" t="s">
        <v>7</v>
      </c>
      <c r="D478" s="60" t="s">
        <v>7</v>
      </c>
      <c r="E478" s="112" t="s">
        <v>119</v>
      </c>
      <c r="F478" s="126"/>
      <c r="G478" s="54"/>
      <c r="H478" s="91"/>
    </row>
    <row r="479" spans="1:8" ht="12.95" customHeight="1">
      <c r="A479" s="78" t="s">
        <v>7</v>
      </c>
      <c r="B479" s="108" t="s">
        <v>303</v>
      </c>
      <c r="C479" s="98" t="s">
        <v>304</v>
      </c>
      <c r="D479" s="52" t="s">
        <v>7</v>
      </c>
      <c r="E479" s="113" t="s">
        <v>7</v>
      </c>
      <c r="F479" s="124"/>
      <c r="G479" s="53"/>
      <c r="H479" s="90"/>
    </row>
    <row r="480" spans="1:8" ht="12.95" customHeight="1">
      <c r="A480" s="78" t="s">
        <v>7</v>
      </c>
      <c r="B480" s="108" t="s">
        <v>7</v>
      </c>
      <c r="C480" s="98" t="s">
        <v>7</v>
      </c>
      <c r="D480" s="52" t="s">
        <v>214</v>
      </c>
      <c r="E480" s="113" t="s">
        <v>7</v>
      </c>
      <c r="F480" s="52"/>
      <c r="G480" s="53"/>
      <c r="H480" s="90"/>
    </row>
    <row r="481" spans="1:8" ht="12.95" customHeight="1">
      <c r="A481" s="78" t="s">
        <v>7</v>
      </c>
      <c r="B481" s="109" t="s">
        <v>7</v>
      </c>
      <c r="C481" s="100" t="s">
        <v>7</v>
      </c>
      <c r="D481" s="60" t="s">
        <v>7</v>
      </c>
      <c r="E481" s="112" t="s">
        <v>119</v>
      </c>
      <c r="F481" s="126"/>
      <c r="G481" s="54"/>
      <c r="H481" s="91" t="s">
        <v>7</v>
      </c>
    </row>
    <row r="482" spans="1:8" ht="12.95" customHeight="1">
      <c r="A482" s="78" t="s">
        <v>7</v>
      </c>
      <c r="B482" s="108" t="s">
        <v>305</v>
      </c>
      <c r="C482" s="98" t="s">
        <v>306</v>
      </c>
      <c r="D482" s="52" t="s">
        <v>7</v>
      </c>
      <c r="E482" s="113" t="s">
        <v>7</v>
      </c>
      <c r="F482" s="124"/>
      <c r="G482" s="53"/>
      <c r="H482" s="90"/>
    </row>
    <row r="483" spans="1:8" ht="12.95" customHeight="1">
      <c r="A483" s="78" t="s">
        <v>7</v>
      </c>
      <c r="B483" s="108" t="s">
        <v>307</v>
      </c>
      <c r="C483" s="98" t="s">
        <v>7</v>
      </c>
      <c r="D483" s="52" t="s">
        <v>270</v>
      </c>
      <c r="E483" s="113" t="s">
        <v>7</v>
      </c>
      <c r="F483" s="52"/>
      <c r="G483" s="53"/>
      <c r="H483" s="90"/>
    </row>
    <row r="484" spans="1:8" ht="12.95" customHeight="1">
      <c r="A484" s="78" t="s">
        <v>7</v>
      </c>
      <c r="B484" s="109" t="s">
        <v>7</v>
      </c>
      <c r="C484" s="100" t="s">
        <v>7</v>
      </c>
      <c r="D484" s="60" t="s">
        <v>7</v>
      </c>
      <c r="E484" s="112" t="s">
        <v>119</v>
      </c>
      <c r="F484" s="126"/>
      <c r="G484" s="54"/>
      <c r="H484" s="91"/>
    </row>
    <row r="485" spans="1:8" ht="12.95" customHeight="1">
      <c r="A485" s="78" t="s">
        <v>7</v>
      </c>
      <c r="B485" s="108" t="s">
        <v>308</v>
      </c>
      <c r="C485" s="98" t="s">
        <v>220</v>
      </c>
      <c r="D485" s="52" t="s">
        <v>7</v>
      </c>
      <c r="E485" s="113" t="s">
        <v>7</v>
      </c>
      <c r="F485" s="124"/>
      <c r="G485" s="53"/>
      <c r="H485" s="90"/>
    </row>
    <row r="486" spans="1:8" ht="12.95" customHeight="1">
      <c r="A486" s="78" t="s">
        <v>7</v>
      </c>
      <c r="B486" s="108" t="s">
        <v>309</v>
      </c>
      <c r="C486" s="98" t="s">
        <v>7</v>
      </c>
      <c r="D486" s="52" t="s">
        <v>221</v>
      </c>
      <c r="E486" s="113" t="s">
        <v>7</v>
      </c>
      <c r="F486" s="52"/>
      <c r="G486" s="53"/>
      <c r="H486" s="90"/>
    </row>
    <row r="487" spans="1:8" ht="12.95" customHeight="1">
      <c r="A487" s="78" t="s">
        <v>7</v>
      </c>
      <c r="B487" s="109" t="s">
        <v>7</v>
      </c>
      <c r="C487" s="100" t="s">
        <v>7</v>
      </c>
      <c r="D487" s="60" t="s">
        <v>7</v>
      </c>
      <c r="E487" s="112" t="s">
        <v>134</v>
      </c>
      <c r="F487" s="126"/>
      <c r="G487" s="54"/>
      <c r="H487" s="91"/>
    </row>
    <row r="488" spans="1:8" ht="12.95" customHeight="1">
      <c r="A488" s="78" t="s">
        <v>7</v>
      </c>
      <c r="B488" s="108" t="s">
        <v>308</v>
      </c>
      <c r="C488" s="98" t="s">
        <v>222</v>
      </c>
      <c r="D488" s="52" t="s">
        <v>7</v>
      </c>
      <c r="E488" s="113" t="s">
        <v>7</v>
      </c>
      <c r="F488" s="124"/>
      <c r="G488" s="53"/>
      <c r="H488" s="90"/>
    </row>
    <row r="489" spans="1:8" ht="12.95" customHeight="1">
      <c r="A489" s="78" t="s">
        <v>7</v>
      </c>
      <c r="B489" s="108" t="s">
        <v>309</v>
      </c>
      <c r="C489" s="98" t="s">
        <v>7</v>
      </c>
      <c r="D489" s="52" t="s">
        <v>223</v>
      </c>
      <c r="E489" s="113" t="s">
        <v>7</v>
      </c>
      <c r="F489" s="52"/>
      <c r="G489" s="53"/>
      <c r="H489" s="90"/>
    </row>
    <row r="490" spans="1:8" ht="12.95" customHeight="1">
      <c r="A490" s="78" t="s">
        <v>7</v>
      </c>
      <c r="B490" s="109" t="s">
        <v>7</v>
      </c>
      <c r="C490" s="100" t="s">
        <v>7</v>
      </c>
      <c r="D490" s="60" t="s">
        <v>7</v>
      </c>
      <c r="E490" s="112" t="s">
        <v>134</v>
      </c>
      <c r="F490" s="126"/>
      <c r="G490" s="54"/>
      <c r="H490" s="91"/>
    </row>
    <row r="491" spans="1:8" ht="12.95" customHeight="1">
      <c r="A491" s="78" t="s">
        <v>7</v>
      </c>
      <c r="B491" s="108" t="s">
        <v>238</v>
      </c>
      <c r="C491" s="98" t="s">
        <v>239</v>
      </c>
      <c r="D491" s="52" t="s">
        <v>7</v>
      </c>
      <c r="E491" s="113" t="s">
        <v>7</v>
      </c>
      <c r="F491" s="124"/>
      <c r="G491" s="53"/>
      <c r="H491" s="90"/>
    </row>
    <row r="492" spans="1:8" ht="12.95" customHeight="1">
      <c r="A492" s="78" t="s">
        <v>7</v>
      </c>
      <c r="B492" s="108" t="s">
        <v>310</v>
      </c>
      <c r="C492" s="98" t="s">
        <v>7</v>
      </c>
      <c r="D492" s="52" t="s">
        <v>311</v>
      </c>
      <c r="E492" s="113" t="s">
        <v>7</v>
      </c>
      <c r="F492" s="52"/>
      <c r="G492" s="53"/>
      <c r="H492" s="90"/>
    </row>
    <row r="493" spans="1:8" ht="12.95" customHeight="1">
      <c r="A493" s="78" t="s">
        <v>7</v>
      </c>
      <c r="B493" s="109" t="s">
        <v>7</v>
      </c>
      <c r="C493" s="100" t="s">
        <v>7</v>
      </c>
      <c r="D493" s="60" t="s">
        <v>7</v>
      </c>
      <c r="E493" s="112" t="s">
        <v>119</v>
      </c>
      <c r="F493" s="126"/>
      <c r="G493" s="54"/>
      <c r="H493" s="91"/>
    </row>
    <row r="494" spans="1:8" ht="12.95" customHeight="1">
      <c r="A494" s="78" t="s">
        <v>7</v>
      </c>
      <c r="B494" s="108" t="s">
        <v>224</v>
      </c>
      <c r="C494" s="98" t="s">
        <v>225</v>
      </c>
      <c r="D494" s="52" t="s">
        <v>7</v>
      </c>
      <c r="E494" s="113" t="s">
        <v>7</v>
      </c>
      <c r="F494" s="124"/>
      <c r="G494" s="53"/>
      <c r="H494" s="90"/>
    </row>
    <row r="495" spans="1:8" ht="12.95" customHeight="1">
      <c r="A495" s="78" t="s">
        <v>7</v>
      </c>
      <c r="B495" s="108" t="s">
        <v>7</v>
      </c>
      <c r="C495" s="98" t="s">
        <v>7</v>
      </c>
      <c r="D495" s="52" t="s">
        <v>221</v>
      </c>
      <c r="E495" s="113" t="s">
        <v>7</v>
      </c>
      <c r="F495" s="52"/>
      <c r="G495" s="53"/>
      <c r="H495" s="90"/>
    </row>
    <row r="496" spans="1:8" ht="12.95" customHeight="1">
      <c r="A496" s="78" t="s">
        <v>7</v>
      </c>
      <c r="B496" s="109" t="s">
        <v>7</v>
      </c>
      <c r="C496" s="100" t="s">
        <v>7</v>
      </c>
      <c r="D496" s="60" t="s">
        <v>7</v>
      </c>
      <c r="E496" s="112" t="s">
        <v>134</v>
      </c>
      <c r="F496" s="126"/>
      <c r="G496" s="54"/>
      <c r="H496" s="91"/>
    </row>
    <row r="497" spans="1:8" ht="12.95" customHeight="1">
      <c r="A497" s="78" t="s">
        <v>7</v>
      </c>
      <c r="B497" s="108" t="s">
        <v>312</v>
      </c>
      <c r="C497" s="98" t="s">
        <v>313</v>
      </c>
      <c r="D497" s="52" t="s">
        <v>7</v>
      </c>
      <c r="E497" s="113" t="s">
        <v>7</v>
      </c>
      <c r="F497" s="124"/>
      <c r="G497" s="53"/>
      <c r="H497" s="90"/>
    </row>
    <row r="498" spans="1:8" ht="12.95" customHeight="1">
      <c r="A498" s="78" t="s">
        <v>7</v>
      </c>
      <c r="B498" s="108" t="s">
        <v>314</v>
      </c>
      <c r="C498" s="98" t="s">
        <v>315</v>
      </c>
      <c r="D498" s="52" t="s">
        <v>316</v>
      </c>
      <c r="E498" s="113" t="s">
        <v>7</v>
      </c>
      <c r="F498" s="52"/>
      <c r="G498" s="53"/>
      <c r="H498" s="90"/>
    </row>
    <row r="499" spans="1:8" ht="12.95" customHeight="1">
      <c r="A499" s="78" t="s">
        <v>7</v>
      </c>
      <c r="B499" s="109" t="s">
        <v>317</v>
      </c>
      <c r="C499" s="100" t="s">
        <v>318</v>
      </c>
      <c r="D499" s="60" t="s">
        <v>7</v>
      </c>
      <c r="E499" s="112" t="s">
        <v>119</v>
      </c>
      <c r="F499" s="126"/>
      <c r="G499" s="54"/>
      <c r="H499" s="91"/>
    </row>
    <row r="500" spans="1:8" ht="12.95" customHeight="1">
      <c r="A500" s="78" t="s">
        <v>7</v>
      </c>
      <c r="B500" s="108" t="s">
        <v>312</v>
      </c>
      <c r="C500" s="98" t="s">
        <v>313</v>
      </c>
      <c r="D500" s="52" t="s">
        <v>7</v>
      </c>
      <c r="E500" s="113" t="s">
        <v>7</v>
      </c>
      <c r="F500" s="124"/>
      <c r="G500" s="53"/>
      <c r="H500" s="90"/>
    </row>
    <row r="501" spans="1:8" ht="12.95" customHeight="1">
      <c r="A501" s="78" t="s">
        <v>7</v>
      </c>
      <c r="B501" s="108" t="s">
        <v>314</v>
      </c>
      <c r="C501" s="98" t="s">
        <v>315</v>
      </c>
      <c r="D501" s="52" t="s">
        <v>255</v>
      </c>
      <c r="E501" s="113" t="s">
        <v>7</v>
      </c>
      <c r="F501" s="52"/>
      <c r="G501" s="53"/>
      <c r="H501" s="90"/>
    </row>
    <row r="502" spans="1:8" ht="12.95" customHeight="1">
      <c r="A502" s="78" t="s">
        <v>7</v>
      </c>
      <c r="B502" s="109" t="s">
        <v>317</v>
      </c>
      <c r="C502" s="100" t="s">
        <v>319</v>
      </c>
      <c r="D502" s="60" t="s">
        <v>7</v>
      </c>
      <c r="E502" s="112" t="s">
        <v>119</v>
      </c>
      <c r="F502" s="126"/>
      <c r="G502" s="54"/>
      <c r="H502" s="91"/>
    </row>
    <row r="503" spans="1:8" ht="12.95" customHeight="1">
      <c r="A503" s="78" t="s">
        <v>7</v>
      </c>
      <c r="B503" s="108" t="s">
        <v>320</v>
      </c>
      <c r="C503" s="98" t="s">
        <v>321</v>
      </c>
      <c r="D503" s="52" t="s">
        <v>7</v>
      </c>
      <c r="E503" s="113" t="s">
        <v>7</v>
      </c>
      <c r="F503" s="124"/>
      <c r="G503" s="53"/>
      <c r="H503" s="90"/>
    </row>
    <row r="504" spans="1:8" ht="12.95" customHeight="1">
      <c r="A504" s="78" t="s">
        <v>7</v>
      </c>
      <c r="B504" s="108" t="s">
        <v>322</v>
      </c>
      <c r="C504" s="98" t="s">
        <v>315</v>
      </c>
      <c r="D504" s="52" t="s">
        <v>323</v>
      </c>
      <c r="E504" s="113" t="s">
        <v>7</v>
      </c>
      <c r="F504" s="52"/>
      <c r="G504" s="53"/>
      <c r="H504" s="90"/>
    </row>
    <row r="505" spans="1:8" ht="12.95" customHeight="1">
      <c r="A505" s="78" t="s">
        <v>7</v>
      </c>
      <c r="B505" s="109" t="s">
        <v>7</v>
      </c>
      <c r="C505" s="100" t="s">
        <v>318</v>
      </c>
      <c r="D505" s="60" t="s">
        <v>7</v>
      </c>
      <c r="E505" s="112" t="s">
        <v>119</v>
      </c>
      <c r="F505" s="126"/>
      <c r="G505" s="54"/>
      <c r="H505" s="91" t="s">
        <v>7</v>
      </c>
    </row>
    <row r="506" spans="1:8" ht="12.95" customHeight="1">
      <c r="A506" s="78" t="s">
        <v>7</v>
      </c>
      <c r="B506" s="108" t="s">
        <v>324</v>
      </c>
      <c r="C506" s="98" t="s">
        <v>239</v>
      </c>
      <c r="D506" s="52" t="s">
        <v>7</v>
      </c>
      <c r="E506" s="113" t="s">
        <v>7</v>
      </c>
      <c r="F506" s="124"/>
      <c r="G506" s="53"/>
      <c r="H506" s="90"/>
    </row>
    <row r="507" spans="1:8" ht="12.95" customHeight="1">
      <c r="A507" s="78" t="s">
        <v>7</v>
      </c>
      <c r="B507" s="108" t="s">
        <v>325</v>
      </c>
      <c r="C507" s="98" t="s">
        <v>7</v>
      </c>
      <c r="D507" s="52" t="s">
        <v>326</v>
      </c>
      <c r="E507" s="113" t="s">
        <v>7</v>
      </c>
      <c r="F507" s="52"/>
      <c r="G507" s="53"/>
      <c r="H507" s="90"/>
    </row>
    <row r="508" spans="1:8" ht="12.95" customHeight="1">
      <c r="A508" s="78" t="s">
        <v>7</v>
      </c>
      <c r="B508" s="109" t="s">
        <v>7</v>
      </c>
      <c r="C508" s="100" t="s">
        <v>7</v>
      </c>
      <c r="D508" s="60" t="s">
        <v>7</v>
      </c>
      <c r="E508" s="112" t="s">
        <v>119</v>
      </c>
      <c r="F508" s="126"/>
      <c r="G508" s="54"/>
      <c r="H508" s="91"/>
    </row>
    <row r="509" spans="1:8" ht="12.95" customHeight="1">
      <c r="A509" s="78" t="s">
        <v>7</v>
      </c>
      <c r="B509" s="108" t="s">
        <v>327</v>
      </c>
      <c r="C509" s="98" t="s">
        <v>321</v>
      </c>
      <c r="D509" s="52" t="s">
        <v>7</v>
      </c>
      <c r="E509" s="113" t="s">
        <v>7</v>
      </c>
      <c r="F509" s="124"/>
      <c r="G509" s="53"/>
      <c r="H509" s="90"/>
    </row>
    <row r="510" spans="1:8" ht="12.95" customHeight="1">
      <c r="A510" s="78" t="s">
        <v>7</v>
      </c>
      <c r="B510" s="108" t="s">
        <v>322</v>
      </c>
      <c r="C510" s="98" t="s">
        <v>328</v>
      </c>
      <c r="D510" s="52" t="s">
        <v>329</v>
      </c>
      <c r="E510" s="113" t="s">
        <v>7</v>
      </c>
      <c r="F510" s="52"/>
      <c r="G510" s="53"/>
      <c r="H510" s="90"/>
    </row>
    <row r="511" spans="1:8" ht="12.95" customHeight="1">
      <c r="A511" s="78" t="s">
        <v>7</v>
      </c>
      <c r="B511" s="109" t="s">
        <v>7</v>
      </c>
      <c r="C511" s="100" t="s">
        <v>7</v>
      </c>
      <c r="D511" s="60" t="s">
        <v>7</v>
      </c>
      <c r="E511" s="112" t="s">
        <v>119</v>
      </c>
      <c r="F511" s="126"/>
      <c r="G511" s="54"/>
      <c r="H511" s="91" t="s">
        <v>7</v>
      </c>
    </row>
    <row r="512" spans="1:8" ht="0.95" customHeight="1">
      <c r="B512" s="19"/>
      <c r="C512" s="19"/>
      <c r="D512" s="19"/>
      <c r="E512" s="19"/>
      <c r="F512" s="67"/>
      <c r="G512" s="19"/>
      <c r="H512" s="19"/>
    </row>
    <row r="513" spans="1:8" s="1" customFormat="1" ht="18" customHeight="1">
      <c r="B513" s="79" t="s">
        <v>137</v>
      </c>
      <c r="C513" s="79"/>
      <c r="D513" s="79"/>
      <c r="E513" s="79"/>
      <c r="F513" s="79"/>
      <c r="G513" s="79"/>
      <c r="H513" s="80"/>
    </row>
    <row r="514" spans="1:8" ht="21" customHeight="1">
      <c r="A514" s="78"/>
      <c r="B514" s="207" t="s">
        <v>29</v>
      </c>
      <c r="C514" s="208"/>
      <c r="D514" s="208" t="s">
        <v>206</v>
      </c>
      <c r="E514" s="208"/>
      <c r="F514" s="208"/>
      <c r="G514" s="208" t="s">
        <v>139</v>
      </c>
      <c r="H514" s="209"/>
    </row>
    <row r="515" spans="1:8" ht="21" customHeight="1">
      <c r="A515" s="78"/>
      <c r="B515" s="105" t="s">
        <v>140</v>
      </c>
      <c r="C515" s="106" t="s">
        <v>141</v>
      </c>
      <c r="D515" s="106" t="s">
        <v>142</v>
      </c>
      <c r="E515" s="106" t="s">
        <v>38</v>
      </c>
      <c r="F515" s="106" t="s">
        <v>143</v>
      </c>
      <c r="G515" s="106" t="s">
        <v>144</v>
      </c>
      <c r="H515" s="107" t="s">
        <v>27</v>
      </c>
    </row>
    <row r="516" spans="1:8" ht="12.95" customHeight="1">
      <c r="A516" s="78" t="s">
        <v>7</v>
      </c>
      <c r="B516" s="108" t="s">
        <v>330</v>
      </c>
      <c r="C516" s="98" t="s">
        <v>239</v>
      </c>
      <c r="D516" s="52" t="s">
        <v>7</v>
      </c>
      <c r="E516" s="113" t="s">
        <v>7</v>
      </c>
      <c r="F516" s="124"/>
      <c r="G516" s="53"/>
      <c r="H516" s="90"/>
    </row>
    <row r="517" spans="1:8" ht="12.95" customHeight="1">
      <c r="A517" s="78" t="s">
        <v>7</v>
      </c>
      <c r="B517" s="108" t="s">
        <v>325</v>
      </c>
      <c r="C517" s="98" t="s">
        <v>7</v>
      </c>
      <c r="D517" s="52" t="s">
        <v>331</v>
      </c>
      <c r="E517" s="113" t="s">
        <v>7</v>
      </c>
      <c r="F517" s="52"/>
      <c r="G517" s="53"/>
      <c r="H517" s="90"/>
    </row>
    <row r="518" spans="1:8" ht="12.95" customHeight="1">
      <c r="A518" s="78" t="s">
        <v>7</v>
      </c>
      <c r="B518" s="109" t="s">
        <v>7</v>
      </c>
      <c r="C518" s="100" t="s">
        <v>7</v>
      </c>
      <c r="D518" s="60" t="s">
        <v>7</v>
      </c>
      <c r="E518" s="112" t="s">
        <v>119</v>
      </c>
      <c r="F518" s="126"/>
      <c r="G518" s="54"/>
      <c r="H518" s="91"/>
    </row>
    <row r="519" spans="1:8" ht="12.95" customHeight="1">
      <c r="A519" s="78" t="s">
        <v>7</v>
      </c>
      <c r="B519" s="108" t="s">
        <v>332</v>
      </c>
      <c r="C519" s="98" t="s">
        <v>333</v>
      </c>
      <c r="D519" s="52" t="s">
        <v>7</v>
      </c>
      <c r="E519" s="113" t="s">
        <v>7</v>
      </c>
      <c r="F519" s="124"/>
      <c r="G519" s="53"/>
      <c r="H519" s="90"/>
    </row>
    <row r="520" spans="1:8" ht="12.95" customHeight="1">
      <c r="A520" s="78" t="s">
        <v>7</v>
      </c>
      <c r="B520" s="108" t="s">
        <v>334</v>
      </c>
      <c r="C520" s="98" t="s">
        <v>335</v>
      </c>
      <c r="D520" s="52" t="s">
        <v>30</v>
      </c>
      <c r="E520" s="113" t="s">
        <v>7</v>
      </c>
      <c r="F520" s="52"/>
      <c r="G520" s="53"/>
      <c r="H520" s="90"/>
    </row>
    <row r="521" spans="1:8" ht="12.95" customHeight="1">
      <c r="A521" s="78" t="s">
        <v>7</v>
      </c>
      <c r="B521" s="109" t="s">
        <v>7</v>
      </c>
      <c r="C521" s="100" t="s">
        <v>7</v>
      </c>
      <c r="D521" s="60" t="s">
        <v>7</v>
      </c>
      <c r="E521" s="112" t="s">
        <v>130</v>
      </c>
      <c r="F521" s="126"/>
      <c r="G521" s="54"/>
      <c r="H521" s="91"/>
    </row>
    <row r="522" spans="1:8" ht="12.95" customHeight="1">
      <c r="A522" s="78" t="s">
        <v>7</v>
      </c>
      <c r="B522" s="108" t="s">
        <v>336</v>
      </c>
      <c r="C522" s="98" t="s">
        <v>337</v>
      </c>
      <c r="D522" s="52" t="s">
        <v>7</v>
      </c>
      <c r="E522" s="113" t="s">
        <v>7</v>
      </c>
      <c r="F522" s="124"/>
      <c r="G522" s="53"/>
      <c r="H522" s="90"/>
    </row>
    <row r="523" spans="1:8" ht="12.95" customHeight="1">
      <c r="A523" s="78" t="s">
        <v>7</v>
      </c>
      <c r="B523" s="108" t="s">
        <v>7</v>
      </c>
      <c r="C523" s="98" t="s">
        <v>7</v>
      </c>
      <c r="D523" s="52" t="s">
        <v>338</v>
      </c>
      <c r="E523" s="113" t="s">
        <v>7</v>
      </c>
      <c r="F523" s="52"/>
      <c r="G523" s="53"/>
      <c r="H523" s="90"/>
    </row>
    <row r="524" spans="1:8" ht="12.95" customHeight="1">
      <c r="A524" s="78" t="s">
        <v>7</v>
      </c>
      <c r="B524" s="109" t="s">
        <v>7</v>
      </c>
      <c r="C524" s="100" t="s">
        <v>7</v>
      </c>
      <c r="D524" s="60" t="s">
        <v>7</v>
      </c>
      <c r="E524" s="112" t="s">
        <v>130</v>
      </c>
      <c r="F524" s="126"/>
      <c r="G524" s="54"/>
      <c r="H524" s="91"/>
    </row>
    <row r="525" spans="1:8" ht="12.95" customHeight="1">
      <c r="A525" s="78" t="s">
        <v>7</v>
      </c>
      <c r="B525" s="108" t="s">
        <v>339</v>
      </c>
      <c r="C525" s="98" t="s">
        <v>340</v>
      </c>
      <c r="D525" s="52" t="s">
        <v>7</v>
      </c>
      <c r="E525" s="113" t="s">
        <v>7</v>
      </c>
      <c r="F525" s="124"/>
      <c r="G525" s="53"/>
      <c r="H525" s="90"/>
    </row>
    <row r="526" spans="1:8" ht="12.95" customHeight="1">
      <c r="A526" s="78" t="s">
        <v>7</v>
      </c>
      <c r="B526" s="108" t="s">
        <v>341</v>
      </c>
      <c r="C526" s="98" t="s">
        <v>7</v>
      </c>
      <c r="D526" s="52" t="s">
        <v>342</v>
      </c>
      <c r="E526" s="113" t="s">
        <v>7</v>
      </c>
      <c r="F526" s="52"/>
      <c r="G526" s="53"/>
      <c r="H526" s="90"/>
    </row>
    <row r="527" spans="1:8" ht="12.95" customHeight="1">
      <c r="A527" s="78" t="s">
        <v>7</v>
      </c>
      <c r="B527" s="109" t="s">
        <v>343</v>
      </c>
      <c r="C527" s="100" t="s">
        <v>7</v>
      </c>
      <c r="D527" s="60" t="s">
        <v>7</v>
      </c>
      <c r="E527" s="112" t="s">
        <v>119</v>
      </c>
      <c r="F527" s="126"/>
      <c r="G527" s="54"/>
      <c r="H527" s="91"/>
    </row>
    <row r="528" spans="1:8" ht="12.95" customHeight="1">
      <c r="A528" s="78" t="s">
        <v>7</v>
      </c>
      <c r="B528" s="108" t="s">
        <v>339</v>
      </c>
      <c r="C528" s="98" t="s">
        <v>344</v>
      </c>
      <c r="D528" s="52" t="s">
        <v>7</v>
      </c>
      <c r="E528" s="113" t="s">
        <v>7</v>
      </c>
      <c r="F528" s="124"/>
      <c r="G528" s="53"/>
      <c r="H528" s="90"/>
    </row>
    <row r="529" spans="1:8" ht="12.95" customHeight="1">
      <c r="A529" s="78" t="s">
        <v>7</v>
      </c>
      <c r="B529" s="108" t="s">
        <v>341</v>
      </c>
      <c r="C529" s="98" t="s">
        <v>7</v>
      </c>
      <c r="D529" s="52" t="s">
        <v>342</v>
      </c>
      <c r="E529" s="113" t="s">
        <v>7</v>
      </c>
      <c r="F529" s="52"/>
      <c r="G529" s="53"/>
      <c r="H529" s="90"/>
    </row>
    <row r="530" spans="1:8" ht="12.95" customHeight="1">
      <c r="A530" s="78" t="s">
        <v>7</v>
      </c>
      <c r="B530" s="109" t="s">
        <v>345</v>
      </c>
      <c r="C530" s="100" t="s">
        <v>7</v>
      </c>
      <c r="D530" s="60" t="s">
        <v>7</v>
      </c>
      <c r="E530" s="112" t="s">
        <v>119</v>
      </c>
      <c r="F530" s="126"/>
      <c r="G530" s="54"/>
      <c r="H530" s="91"/>
    </row>
    <row r="531" spans="1:8" ht="12.95" customHeight="1">
      <c r="A531" s="78" t="s">
        <v>7</v>
      </c>
      <c r="B531" s="108" t="s">
        <v>346</v>
      </c>
      <c r="C531" s="98" t="s">
        <v>7</v>
      </c>
      <c r="D531" s="52" t="s">
        <v>7</v>
      </c>
      <c r="E531" s="113" t="s">
        <v>7</v>
      </c>
      <c r="F531" s="124"/>
      <c r="G531" s="53"/>
      <c r="H531" s="90"/>
    </row>
    <row r="532" spans="1:8" ht="12.95" customHeight="1">
      <c r="A532" s="78" t="s">
        <v>7</v>
      </c>
      <c r="B532" s="108" t="s">
        <v>347</v>
      </c>
      <c r="C532" s="98" t="s">
        <v>7</v>
      </c>
      <c r="D532" s="52" t="s">
        <v>30</v>
      </c>
      <c r="E532" s="113" t="s">
        <v>7</v>
      </c>
      <c r="F532" s="52"/>
      <c r="G532" s="53"/>
      <c r="H532" s="90"/>
    </row>
    <row r="533" spans="1:8" ht="12.95" customHeight="1">
      <c r="A533" s="78" t="s">
        <v>7</v>
      </c>
      <c r="B533" s="109" t="s">
        <v>7</v>
      </c>
      <c r="C533" s="100" t="s">
        <v>7</v>
      </c>
      <c r="D533" s="60" t="s">
        <v>7</v>
      </c>
      <c r="E533" s="112" t="s">
        <v>130</v>
      </c>
      <c r="F533" s="126"/>
      <c r="G533" s="54"/>
      <c r="H533" s="91"/>
    </row>
    <row r="534" spans="1:8" ht="12.95" customHeight="1">
      <c r="A534" s="78" t="s">
        <v>7</v>
      </c>
      <c r="B534" s="108" t="s">
        <v>348</v>
      </c>
      <c r="C534" s="98" t="s">
        <v>279</v>
      </c>
      <c r="D534" s="52" t="s">
        <v>7</v>
      </c>
      <c r="E534" s="113" t="s">
        <v>7</v>
      </c>
      <c r="F534" s="124"/>
      <c r="G534" s="53"/>
      <c r="H534" s="90"/>
    </row>
    <row r="535" spans="1:8" ht="12.95" customHeight="1">
      <c r="A535" s="78" t="s">
        <v>7</v>
      </c>
      <c r="B535" s="108" t="s">
        <v>347</v>
      </c>
      <c r="C535" s="98" t="s">
        <v>7</v>
      </c>
      <c r="D535" s="52" t="s">
        <v>30</v>
      </c>
      <c r="E535" s="113" t="s">
        <v>7</v>
      </c>
      <c r="F535" s="52"/>
      <c r="G535" s="53"/>
      <c r="H535" s="90"/>
    </row>
    <row r="536" spans="1:8" ht="12.95" customHeight="1">
      <c r="A536" s="78" t="s">
        <v>7</v>
      </c>
      <c r="B536" s="109" t="s">
        <v>7</v>
      </c>
      <c r="C536" s="100" t="s">
        <v>7</v>
      </c>
      <c r="D536" s="60" t="s">
        <v>7</v>
      </c>
      <c r="E536" s="112" t="s">
        <v>130</v>
      </c>
      <c r="F536" s="126" t="s">
        <v>7</v>
      </c>
      <c r="G536" s="54" t="s">
        <v>7</v>
      </c>
      <c r="H536" s="91"/>
    </row>
    <row r="537" spans="1:8" ht="12.95" customHeight="1">
      <c r="A537" s="78" t="s">
        <v>7</v>
      </c>
      <c r="B537" s="110" t="s">
        <v>34</v>
      </c>
      <c r="C537" s="98" t="s">
        <v>7</v>
      </c>
      <c r="D537" s="52" t="s">
        <v>7</v>
      </c>
      <c r="E537" s="113" t="s">
        <v>7</v>
      </c>
      <c r="F537" s="52" t="s">
        <v>7</v>
      </c>
      <c r="G537" s="53" t="s">
        <v>7</v>
      </c>
      <c r="H537" s="90" t="s">
        <v>7</v>
      </c>
    </row>
    <row r="538" spans="1:8" ht="12.95" customHeight="1">
      <c r="A538" s="78" t="s">
        <v>7</v>
      </c>
      <c r="B538" s="108" t="s">
        <v>7</v>
      </c>
      <c r="C538" s="98" t="s">
        <v>7</v>
      </c>
      <c r="D538" s="52" t="s">
        <v>7</v>
      </c>
      <c r="E538" s="113" t="s">
        <v>7</v>
      </c>
      <c r="F538" s="52" t="s">
        <v>7</v>
      </c>
      <c r="G538" s="53"/>
      <c r="H538" s="90" t="s">
        <v>7</v>
      </c>
    </row>
    <row r="539" spans="1:8" ht="12.95" customHeight="1">
      <c r="A539" s="78" t="s">
        <v>7</v>
      </c>
      <c r="B539" s="109" t="s">
        <v>7</v>
      </c>
      <c r="C539" s="100" t="s">
        <v>7</v>
      </c>
      <c r="D539" s="60" t="s">
        <v>7</v>
      </c>
      <c r="E539" s="112" t="s">
        <v>7</v>
      </c>
      <c r="F539" s="60" t="s">
        <v>7</v>
      </c>
      <c r="G539" s="54" t="s">
        <v>7</v>
      </c>
      <c r="H539" s="91" t="s">
        <v>7</v>
      </c>
    </row>
    <row r="540" spans="1:8" ht="12.95" customHeight="1">
      <c r="A540" s="78"/>
      <c r="B540" s="45"/>
      <c r="C540" s="32"/>
      <c r="D540" s="61"/>
      <c r="E540" s="46"/>
      <c r="F540" s="61"/>
      <c r="G540" s="55"/>
      <c r="H540" s="12"/>
    </row>
    <row r="541" spans="1:8" ht="12.95" customHeight="1">
      <c r="A541" s="78"/>
      <c r="B541" s="40"/>
      <c r="C541" s="25"/>
      <c r="D541" s="52"/>
      <c r="E541" s="44"/>
      <c r="F541" s="52"/>
      <c r="G541" s="53"/>
      <c r="H541" s="5"/>
    </row>
    <row r="542" spans="1:8" ht="12.95" customHeight="1">
      <c r="A542" s="78"/>
      <c r="B542" s="42"/>
      <c r="C542" s="28"/>
      <c r="D542" s="60"/>
      <c r="E542" s="43"/>
      <c r="F542" s="60"/>
      <c r="G542" s="54"/>
      <c r="H542" s="8"/>
    </row>
    <row r="543" spans="1:8" ht="12.95" customHeight="1">
      <c r="A543" s="78"/>
      <c r="B543" s="45"/>
      <c r="C543" s="32"/>
      <c r="D543" s="61"/>
      <c r="E543" s="46"/>
      <c r="F543" s="61"/>
      <c r="G543" s="55"/>
      <c r="H543" s="12"/>
    </row>
    <row r="544" spans="1:8" ht="12.95" customHeight="1">
      <c r="A544" s="78"/>
      <c r="B544" s="40"/>
      <c r="C544" s="25"/>
      <c r="D544" s="52"/>
      <c r="E544" s="44"/>
      <c r="F544" s="52"/>
      <c r="G544" s="53"/>
      <c r="H544" s="5"/>
    </row>
    <row r="545" spans="1:8" ht="12.95" customHeight="1">
      <c r="A545" s="78"/>
      <c r="B545" s="42"/>
      <c r="C545" s="28"/>
      <c r="D545" s="60"/>
      <c r="E545" s="43"/>
      <c r="F545" s="60"/>
      <c r="G545" s="54"/>
      <c r="H545" s="8"/>
    </row>
    <row r="546" spans="1:8" ht="12.95" customHeight="1">
      <c r="A546" s="78"/>
      <c r="B546" s="45"/>
      <c r="C546" s="32"/>
      <c r="D546" s="61"/>
      <c r="E546" s="46"/>
      <c r="F546" s="61"/>
      <c r="G546" s="55"/>
      <c r="H546" s="12"/>
    </row>
    <row r="547" spans="1:8" ht="12.95" customHeight="1">
      <c r="A547" s="78"/>
      <c r="B547" s="40"/>
      <c r="C547" s="25"/>
      <c r="D547" s="52"/>
      <c r="E547" s="44"/>
      <c r="F547" s="52"/>
      <c r="G547" s="53"/>
      <c r="H547" s="5"/>
    </row>
    <row r="548" spans="1:8" ht="12.95" customHeight="1">
      <c r="A548" s="78"/>
      <c r="B548" s="42"/>
      <c r="C548" s="28"/>
      <c r="D548" s="60"/>
      <c r="E548" s="43"/>
      <c r="F548" s="60"/>
      <c r="G548" s="54"/>
      <c r="H548" s="8"/>
    </row>
    <row r="549" spans="1:8" ht="12.95" customHeight="1">
      <c r="A549" s="78"/>
      <c r="B549" s="45"/>
      <c r="C549" s="32"/>
      <c r="D549" s="61"/>
      <c r="E549" s="46"/>
      <c r="F549" s="61"/>
      <c r="G549" s="55"/>
      <c r="H549" s="12"/>
    </row>
    <row r="550" spans="1:8" ht="12.95" customHeight="1">
      <c r="A550" s="78"/>
      <c r="B550" s="40"/>
      <c r="C550" s="25"/>
      <c r="D550" s="52"/>
      <c r="E550" s="44"/>
      <c r="F550" s="52"/>
      <c r="G550" s="53"/>
      <c r="H550" s="5"/>
    </row>
    <row r="551" spans="1:8" ht="12.95" customHeight="1">
      <c r="A551" s="78"/>
      <c r="B551" s="42"/>
      <c r="C551" s="28"/>
      <c r="D551" s="60"/>
      <c r="E551" s="43"/>
      <c r="F551" s="60"/>
      <c r="G551" s="54"/>
      <c r="H551" s="8"/>
    </row>
    <row r="552" spans="1:8" ht="12.95" customHeight="1">
      <c r="A552" s="78"/>
      <c r="B552" s="45"/>
      <c r="C552" s="32"/>
      <c r="D552" s="61"/>
      <c r="E552" s="47"/>
      <c r="F552" s="65"/>
      <c r="G552" s="55"/>
      <c r="H552" s="12"/>
    </row>
    <row r="553" spans="1:8" ht="12.95" customHeight="1">
      <c r="A553" s="78"/>
      <c r="B553" s="40"/>
      <c r="C553" s="25"/>
      <c r="D553" s="52"/>
      <c r="E553" s="44"/>
      <c r="F553" s="52"/>
      <c r="G553" s="53"/>
      <c r="H553" s="5"/>
    </row>
    <row r="554" spans="1:8" ht="12.95" customHeight="1">
      <c r="A554" s="78"/>
      <c r="B554" s="42"/>
      <c r="C554" s="28"/>
      <c r="D554" s="60"/>
      <c r="E554" s="43"/>
      <c r="F554" s="60"/>
      <c r="G554" s="54"/>
      <c r="H554" s="8"/>
    </row>
    <row r="555" spans="1:8" ht="12.95" customHeight="1">
      <c r="A555" s="78"/>
      <c r="B555" s="45"/>
      <c r="C555" s="32"/>
      <c r="D555" s="61"/>
      <c r="E555" s="46"/>
      <c r="F555" s="61"/>
      <c r="G555" s="55"/>
      <c r="H555" s="12"/>
    </row>
    <row r="556" spans="1:8" ht="12.95" customHeight="1">
      <c r="A556" s="78"/>
      <c r="B556" s="40"/>
      <c r="C556" s="25"/>
      <c r="D556" s="52"/>
      <c r="E556" s="44"/>
      <c r="F556" s="52"/>
      <c r="G556" s="53"/>
      <c r="H556" s="5"/>
    </row>
    <row r="557" spans="1:8" ht="12.95" customHeight="1">
      <c r="A557" s="78"/>
      <c r="B557" s="42"/>
      <c r="C557" s="28"/>
      <c r="D557" s="60"/>
      <c r="E557" s="43"/>
      <c r="F557" s="60"/>
      <c r="G557" s="54"/>
      <c r="H557" s="8"/>
    </row>
    <row r="558" spans="1:8" ht="12.95" customHeight="1">
      <c r="A558" s="78"/>
      <c r="B558" s="45"/>
      <c r="C558" s="32"/>
      <c r="D558" s="61"/>
      <c r="E558" s="46"/>
      <c r="F558" s="61"/>
      <c r="G558" s="55"/>
      <c r="H558" s="12"/>
    </row>
    <row r="559" spans="1:8" ht="12.95" customHeight="1">
      <c r="A559" s="78"/>
      <c r="B559" s="40"/>
      <c r="C559" s="25"/>
      <c r="D559" s="52"/>
      <c r="E559" s="44"/>
      <c r="F559" s="52"/>
      <c r="G559" s="53"/>
      <c r="H559" s="5"/>
    </row>
    <row r="560" spans="1:8" ht="12.95" customHeight="1">
      <c r="A560" s="78"/>
      <c r="B560" s="42"/>
      <c r="C560" s="28"/>
      <c r="D560" s="60"/>
      <c r="E560" s="43"/>
      <c r="F560" s="60"/>
      <c r="G560" s="54"/>
      <c r="H560" s="8"/>
    </row>
    <row r="561" spans="1:8" ht="12.95" customHeight="1">
      <c r="A561" s="78"/>
      <c r="B561" s="45"/>
      <c r="C561" s="32"/>
      <c r="D561" s="61"/>
      <c r="E561" s="46"/>
      <c r="F561" s="61"/>
      <c r="G561" s="55"/>
      <c r="H561" s="12"/>
    </row>
    <row r="562" spans="1:8" ht="12.95" customHeight="1">
      <c r="A562" s="78"/>
      <c r="B562" s="40"/>
      <c r="C562" s="25"/>
      <c r="D562" s="52"/>
      <c r="E562" s="41"/>
      <c r="F562" s="64"/>
      <c r="G562" s="53"/>
      <c r="H562" s="5"/>
    </row>
    <row r="563" spans="1:8" ht="12.95" customHeight="1">
      <c r="A563" s="78"/>
      <c r="B563" s="42"/>
      <c r="C563" s="28"/>
      <c r="D563" s="60"/>
      <c r="E563" s="43"/>
      <c r="F563" s="60"/>
      <c r="G563" s="54"/>
      <c r="H563" s="8"/>
    </row>
    <row r="564" spans="1:8" ht="12.95" customHeight="1">
      <c r="A564" s="78"/>
      <c r="B564" s="45"/>
      <c r="C564" s="32"/>
      <c r="D564" s="61"/>
      <c r="E564" s="46"/>
      <c r="F564" s="61"/>
      <c r="G564" s="55"/>
      <c r="H564" s="12"/>
    </row>
    <row r="565" spans="1:8" ht="12.95" customHeight="1">
      <c r="A565" s="78"/>
      <c r="B565" s="40"/>
      <c r="C565" s="25"/>
      <c r="D565" s="52"/>
      <c r="E565" s="44"/>
      <c r="F565" s="52"/>
      <c r="G565" s="53"/>
      <c r="H565" s="5"/>
    </row>
    <row r="566" spans="1:8" ht="12.95" customHeight="1">
      <c r="A566" s="78"/>
      <c r="B566" s="42"/>
      <c r="C566" s="28"/>
      <c r="D566" s="60"/>
      <c r="E566" s="43"/>
      <c r="F566" s="60"/>
      <c r="G566" s="54"/>
      <c r="H566" s="8"/>
    </row>
    <row r="567" spans="1:8" ht="12.95" customHeight="1">
      <c r="A567" s="78"/>
      <c r="B567" s="45"/>
      <c r="C567" s="32"/>
      <c r="D567" s="61"/>
      <c r="E567" s="46"/>
      <c r="F567" s="61"/>
      <c r="G567" s="55"/>
      <c r="H567" s="12"/>
    </row>
    <row r="568" spans="1:8" ht="12.95" customHeight="1">
      <c r="A568" s="78"/>
      <c r="B568" s="40"/>
      <c r="C568" s="25"/>
      <c r="D568" s="52"/>
      <c r="E568" s="44"/>
      <c r="F568" s="52"/>
      <c r="G568" s="53"/>
      <c r="H568" s="5"/>
    </row>
    <row r="569" spans="1:8" ht="12.95" customHeight="1">
      <c r="A569" s="78"/>
      <c r="B569" s="42"/>
      <c r="C569" s="28"/>
      <c r="D569" s="60"/>
      <c r="E569" s="43"/>
      <c r="F569" s="60"/>
      <c r="G569" s="54"/>
      <c r="H569" s="8"/>
    </row>
    <row r="570" spans="1:8" ht="12.95" customHeight="1">
      <c r="A570" s="78"/>
      <c r="B570" s="45"/>
      <c r="C570" s="32"/>
      <c r="D570" s="61"/>
      <c r="E570" s="46"/>
      <c r="F570" s="61"/>
      <c r="G570" s="55"/>
      <c r="H570" s="12"/>
    </row>
    <row r="571" spans="1:8" ht="12.95" customHeight="1">
      <c r="A571" s="78"/>
      <c r="B571" s="40"/>
      <c r="C571" s="25"/>
      <c r="D571" s="52"/>
      <c r="E571" s="44"/>
      <c r="F571" s="52"/>
      <c r="G571" s="53"/>
      <c r="H571" s="5"/>
    </row>
    <row r="572" spans="1:8" ht="12.95" customHeight="1">
      <c r="A572" s="78"/>
      <c r="B572" s="42"/>
      <c r="C572" s="28"/>
      <c r="D572" s="60"/>
      <c r="E572" s="48"/>
      <c r="F572" s="66"/>
      <c r="G572" s="54"/>
      <c r="H572" s="8"/>
    </row>
    <row r="573" spans="1:8" ht="12.95" customHeight="1">
      <c r="A573" s="78"/>
      <c r="B573" s="45"/>
      <c r="C573" s="32"/>
      <c r="D573" s="61"/>
      <c r="E573" s="46"/>
      <c r="F573" s="61"/>
      <c r="G573" s="55"/>
      <c r="H573" s="12"/>
    </row>
    <row r="574" spans="1:8" ht="12.95" customHeight="1">
      <c r="A574" s="78"/>
      <c r="B574" s="40"/>
      <c r="C574" s="25"/>
      <c r="D574" s="62"/>
      <c r="E574" s="44"/>
      <c r="F574" s="62"/>
      <c r="G574" s="53"/>
      <c r="H574" s="5"/>
    </row>
    <row r="575" spans="1:8" ht="12.95" customHeight="1">
      <c r="A575" s="78"/>
      <c r="B575" s="50"/>
      <c r="C575" s="38"/>
      <c r="D575" s="63"/>
      <c r="E575" s="51"/>
      <c r="F575" s="63"/>
      <c r="G575" s="57"/>
      <c r="H575" s="18"/>
    </row>
    <row r="576" spans="1:8" ht="0.95" customHeight="1">
      <c r="B576" s="19"/>
      <c r="C576" s="19"/>
      <c r="D576" s="19"/>
      <c r="E576" s="19"/>
      <c r="F576" s="67"/>
      <c r="G576" s="19"/>
      <c r="H576" s="19"/>
    </row>
    <row r="577" spans="1:8" s="1" customFormat="1" ht="18" customHeight="1">
      <c r="B577" s="79" t="s">
        <v>137</v>
      </c>
      <c r="C577" s="79"/>
      <c r="D577" s="79"/>
      <c r="E577" s="79"/>
      <c r="F577" s="79"/>
      <c r="G577" s="79"/>
      <c r="H577" s="80"/>
    </row>
    <row r="578" spans="1:8" ht="21" customHeight="1">
      <c r="A578" s="78"/>
      <c r="B578" s="207" t="s">
        <v>29</v>
      </c>
      <c r="C578" s="208"/>
      <c r="D578" s="208" t="s">
        <v>349</v>
      </c>
      <c r="E578" s="208"/>
      <c r="F578" s="208"/>
      <c r="G578" s="208" t="s">
        <v>139</v>
      </c>
      <c r="H578" s="209"/>
    </row>
    <row r="579" spans="1:8" ht="21" customHeight="1">
      <c r="A579" s="78"/>
      <c r="B579" s="105" t="s">
        <v>140</v>
      </c>
      <c r="C579" s="106" t="s">
        <v>141</v>
      </c>
      <c r="D579" s="106" t="s">
        <v>142</v>
      </c>
      <c r="E579" s="106" t="s">
        <v>38</v>
      </c>
      <c r="F579" s="106" t="s">
        <v>143</v>
      </c>
      <c r="G579" s="106" t="s">
        <v>144</v>
      </c>
      <c r="H579" s="107" t="s">
        <v>27</v>
      </c>
    </row>
    <row r="580" spans="1:8" ht="12.95" customHeight="1">
      <c r="A580" s="78" t="s">
        <v>7</v>
      </c>
      <c r="B580" s="108" t="s">
        <v>350</v>
      </c>
      <c r="C580" s="98" t="s">
        <v>351</v>
      </c>
      <c r="D580" s="52" t="s">
        <v>7</v>
      </c>
      <c r="E580" s="113" t="s">
        <v>7</v>
      </c>
      <c r="F580" s="124"/>
      <c r="G580" s="53"/>
      <c r="H580" s="90"/>
    </row>
    <row r="581" spans="1:8" ht="12.95" customHeight="1">
      <c r="A581" s="78" t="s">
        <v>7</v>
      </c>
      <c r="B581" s="108" t="s">
        <v>7</v>
      </c>
      <c r="C581" s="98" t="s">
        <v>7</v>
      </c>
      <c r="D581" s="52" t="s">
        <v>352</v>
      </c>
      <c r="E581" s="113" t="s">
        <v>7</v>
      </c>
      <c r="F581" s="52"/>
      <c r="G581" s="53"/>
      <c r="H581" s="90"/>
    </row>
    <row r="582" spans="1:8" ht="12.95" customHeight="1">
      <c r="A582" s="78" t="s">
        <v>7</v>
      </c>
      <c r="B582" s="109" t="s">
        <v>7</v>
      </c>
      <c r="C582" s="100" t="s">
        <v>7</v>
      </c>
      <c r="D582" s="60" t="s">
        <v>7</v>
      </c>
      <c r="E582" s="112" t="s">
        <v>119</v>
      </c>
      <c r="F582" s="126"/>
      <c r="G582" s="54"/>
      <c r="H582" s="91"/>
    </row>
    <row r="583" spans="1:8" ht="12.95" customHeight="1">
      <c r="A583" s="78" t="s">
        <v>7</v>
      </c>
      <c r="B583" s="108" t="s">
        <v>353</v>
      </c>
      <c r="C583" s="98" t="s">
        <v>354</v>
      </c>
      <c r="D583" s="52" t="s">
        <v>7</v>
      </c>
      <c r="E583" s="113" t="s">
        <v>7</v>
      </c>
      <c r="F583" s="124"/>
      <c r="G583" s="53"/>
      <c r="H583" s="90"/>
    </row>
    <row r="584" spans="1:8" ht="12.95" customHeight="1">
      <c r="A584" s="78" t="s">
        <v>7</v>
      </c>
      <c r="B584" s="108" t="s">
        <v>7</v>
      </c>
      <c r="C584" s="98" t="s">
        <v>7</v>
      </c>
      <c r="D584" s="52" t="s">
        <v>355</v>
      </c>
      <c r="E584" s="113" t="s">
        <v>7</v>
      </c>
      <c r="F584" s="52"/>
      <c r="G584" s="53"/>
      <c r="H584" s="90"/>
    </row>
    <row r="585" spans="1:8" ht="12.95" customHeight="1">
      <c r="A585" s="78" t="s">
        <v>7</v>
      </c>
      <c r="B585" s="109" t="s">
        <v>7</v>
      </c>
      <c r="C585" s="100" t="s">
        <v>7</v>
      </c>
      <c r="D585" s="60" t="s">
        <v>7</v>
      </c>
      <c r="E585" s="112" t="s">
        <v>119</v>
      </c>
      <c r="F585" s="126"/>
      <c r="G585" s="54"/>
      <c r="H585" s="91"/>
    </row>
    <row r="586" spans="1:8" ht="12.95" customHeight="1">
      <c r="A586" s="78" t="s">
        <v>7</v>
      </c>
      <c r="B586" s="108" t="s">
        <v>356</v>
      </c>
      <c r="C586" s="98" t="s">
        <v>357</v>
      </c>
      <c r="D586" s="52" t="s">
        <v>7</v>
      </c>
      <c r="E586" s="113" t="s">
        <v>7</v>
      </c>
      <c r="F586" s="124"/>
      <c r="G586" s="53"/>
      <c r="H586" s="90"/>
    </row>
    <row r="587" spans="1:8" ht="12.95" customHeight="1">
      <c r="A587" s="78" t="s">
        <v>7</v>
      </c>
      <c r="B587" s="108" t="s">
        <v>7</v>
      </c>
      <c r="C587" s="98" t="s">
        <v>358</v>
      </c>
      <c r="D587" s="52" t="s">
        <v>359</v>
      </c>
      <c r="E587" s="113" t="s">
        <v>7</v>
      </c>
      <c r="F587" s="52"/>
      <c r="G587" s="53"/>
      <c r="H587" s="90"/>
    </row>
    <row r="588" spans="1:8" ht="12.95" customHeight="1">
      <c r="A588" s="78" t="s">
        <v>7</v>
      </c>
      <c r="B588" s="109" t="s">
        <v>7</v>
      </c>
      <c r="C588" s="100" t="s">
        <v>7</v>
      </c>
      <c r="D588" s="60" t="s">
        <v>7</v>
      </c>
      <c r="E588" s="112" t="s">
        <v>119</v>
      </c>
      <c r="F588" s="126"/>
      <c r="G588" s="54"/>
      <c r="H588" s="91"/>
    </row>
    <row r="589" spans="1:8" ht="12.95" customHeight="1">
      <c r="A589" s="78" t="s">
        <v>7</v>
      </c>
      <c r="B589" s="108" t="s">
        <v>356</v>
      </c>
      <c r="C589" s="98" t="s">
        <v>360</v>
      </c>
      <c r="D589" s="52" t="s">
        <v>7</v>
      </c>
      <c r="E589" s="113" t="s">
        <v>7</v>
      </c>
      <c r="F589" s="124"/>
      <c r="G589" s="53"/>
      <c r="H589" s="90"/>
    </row>
    <row r="590" spans="1:8" ht="12.95" customHeight="1">
      <c r="A590" s="78" t="s">
        <v>7</v>
      </c>
      <c r="B590" s="108" t="s">
        <v>7</v>
      </c>
      <c r="C590" s="98" t="s">
        <v>358</v>
      </c>
      <c r="D590" s="52" t="s">
        <v>361</v>
      </c>
      <c r="E590" s="113" t="s">
        <v>7</v>
      </c>
      <c r="F590" s="52"/>
      <c r="G590" s="53"/>
      <c r="H590" s="90"/>
    </row>
    <row r="591" spans="1:8" ht="12.95" customHeight="1">
      <c r="A591" s="78" t="s">
        <v>7</v>
      </c>
      <c r="B591" s="109" t="s">
        <v>7</v>
      </c>
      <c r="C591" s="100" t="s">
        <v>7</v>
      </c>
      <c r="D591" s="60" t="s">
        <v>7</v>
      </c>
      <c r="E591" s="112" t="s">
        <v>119</v>
      </c>
      <c r="F591" s="126"/>
      <c r="G591" s="54"/>
      <c r="H591" s="91"/>
    </row>
    <row r="592" spans="1:8" ht="12.95" customHeight="1">
      <c r="A592" s="78" t="s">
        <v>7</v>
      </c>
      <c r="B592" s="108" t="s">
        <v>356</v>
      </c>
      <c r="C592" s="98" t="s">
        <v>362</v>
      </c>
      <c r="D592" s="52" t="s">
        <v>7</v>
      </c>
      <c r="E592" s="113" t="s">
        <v>7</v>
      </c>
      <c r="F592" s="124"/>
      <c r="G592" s="53"/>
      <c r="H592" s="90"/>
    </row>
    <row r="593" spans="1:8" ht="12.95" customHeight="1">
      <c r="A593" s="78" t="s">
        <v>7</v>
      </c>
      <c r="B593" s="108" t="s">
        <v>7</v>
      </c>
      <c r="C593" s="98" t="s">
        <v>358</v>
      </c>
      <c r="D593" s="52" t="s">
        <v>363</v>
      </c>
      <c r="E593" s="113" t="s">
        <v>7</v>
      </c>
      <c r="F593" s="52"/>
      <c r="G593" s="53"/>
      <c r="H593" s="90"/>
    </row>
    <row r="594" spans="1:8" ht="12.95" customHeight="1">
      <c r="A594" s="78" t="s">
        <v>7</v>
      </c>
      <c r="B594" s="109" t="s">
        <v>7</v>
      </c>
      <c r="C594" s="100" t="s">
        <v>7</v>
      </c>
      <c r="D594" s="60" t="s">
        <v>7</v>
      </c>
      <c r="E594" s="112" t="s">
        <v>119</v>
      </c>
      <c r="F594" s="126"/>
      <c r="G594" s="54"/>
      <c r="H594" s="91"/>
    </row>
    <row r="595" spans="1:8" ht="12.95" customHeight="1">
      <c r="A595" s="78" t="s">
        <v>7</v>
      </c>
      <c r="B595" s="108" t="s">
        <v>356</v>
      </c>
      <c r="C595" s="98" t="s">
        <v>364</v>
      </c>
      <c r="D595" s="52" t="s">
        <v>7</v>
      </c>
      <c r="E595" s="113" t="s">
        <v>7</v>
      </c>
      <c r="F595" s="124"/>
      <c r="G595" s="53"/>
      <c r="H595" s="90"/>
    </row>
    <row r="596" spans="1:8" ht="12.95" customHeight="1">
      <c r="A596" s="78" t="s">
        <v>7</v>
      </c>
      <c r="B596" s="108" t="s">
        <v>7</v>
      </c>
      <c r="C596" s="98" t="s">
        <v>358</v>
      </c>
      <c r="D596" s="52" t="s">
        <v>365</v>
      </c>
      <c r="E596" s="113" t="s">
        <v>7</v>
      </c>
      <c r="F596" s="52"/>
      <c r="G596" s="53"/>
      <c r="H596" s="90"/>
    </row>
    <row r="597" spans="1:8" ht="12.95" customHeight="1">
      <c r="A597" s="78" t="s">
        <v>7</v>
      </c>
      <c r="B597" s="109" t="s">
        <v>7</v>
      </c>
      <c r="C597" s="100" t="s">
        <v>7</v>
      </c>
      <c r="D597" s="60" t="s">
        <v>7</v>
      </c>
      <c r="E597" s="112" t="s">
        <v>119</v>
      </c>
      <c r="F597" s="126"/>
      <c r="G597" s="54"/>
      <c r="H597" s="91"/>
    </row>
    <row r="598" spans="1:8" ht="12.95" customHeight="1">
      <c r="A598" s="78" t="s">
        <v>7</v>
      </c>
      <c r="B598" s="110" t="s">
        <v>34</v>
      </c>
      <c r="C598" s="98" t="s">
        <v>7</v>
      </c>
      <c r="D598" s="52" t="s">
        <v>7</v>
      </c>
      <c r="E598" s="113" t="s">
        <v>7</v>
      </c>
      <c r="F598" s="52"/>
      <c r="G598" s="53"/>
      <c r="H598" s="90" t="s">
        <v>7</v>
      </c>
    </row>
    <row r="599" spans="1:8" ht="12.95" customHeight="1">
      <c r="A599" s="78" t="s">
        <v>7</v>
      </c>
      <c r="B599" s="108" t="s">
        <v>7</v>
      </c>
      <c r="C599" s="98" t="s">
        <v>7</v>
      </c>
      <c r="D599" s="52" t="s">
        <v>7</v>
      </c>
      <c r="E599" s="113" t="s">
        <v>7</v>
      </c>
      <c r="F599" s="52"/>
      <c r="G599" s="53"/>
      <c r="H599" s="90" t="s">
        <v>7</v>
      </c>
    </row>
    <row r="600" spans="1:8" ht="12.95" customHeight="1">
      <c r="A600" s="78" t="s">
        <v>7</v>
      </c>
      <c r="B600" s="109" t="s">
        <v>7</v>
      </c>
      <c r="C600" s="100" t="s">
        <v>7</v>
      </c>
      <c r="D600" s="60" t="s">
        <v>7</v>
      </c>
      <c r="E600" s="112" t="s">
        <v>7</v>
      </c>
      <c r="F600" s="60" t="s">
        <v>7</v>
      </c>
      <c r="G600" s="54" t="s">
        <v>7</v>
      </c>
      <c r="H600" s="91" t="s">
        <v>7</v>
      </c>
    </row>
    <row r="601" spans="1:8" ht="12.95" customHeight="1">
      <c r="A601" s="78"/>
      <c r="B601" s="45"/>
      <c r="C601" s="32"/>
      <c r="D601" s="61"/>
      <c r="E601" s="46"/>
      <c r="F601" s="61"/>
      <c r="G601" s="55"/>
      <c r="H601" s="12"/>
    </row>
    <row r="602" spans="1:8" ht="12.95" customHeight="1">
      <c r="A602" s="78"/>
      <c r="B602" s="40"/>
      <c r="C602" s="25"/>
      <c r="D602" s="52"/>
      <c r="E602" s="44"/>
      <c r="F602" s="52"/>
      <c r="G602" s="53"/>
      <c r="H602" s="5"/>
    </row>
    <row r="603" spans="1:8" ht="12.95" customHeight="1">
      <c r="A603" s="78"/>
      <c r="B603" s="42"/>
      <c r="C603" s="28"/>
      <c r="D603" s="60"/>
      <c r="E603" s="43"/>
      <c r="F603" s="60"/>
      <c r="G603" s="54"/>
      <c r="H603" s="8"/>
    </row>
    <row r="604" spans="1:8" ht="12.95" customHeight="1">
      <c r="A604" s="78"/>
      <c r="B604" s="45"/>
      <c r="C604" s="32"/>
      <c r="D604" s="61"/>
      <c r="E604" s="46"/>
      <c r="F604" s="61"/>
      <c r="G604" s="55"/>
      <c r="H604" s="12"/>
    </row>
    <row r="605" spans="1:8" ht="12.95" customHeight="1">
      <c r="A605" s="78"/>
      <c r="B605" s="40"/>
      <c r="C605" s="25"/>
      <c r="D605" s="52"/>
      <c r="E605" s="44"/>
      <c r="F605" s="52"/>
      <c r="G605" s="53"/>
      <c r="H605" s="5"/>
    </row>
    <row r="606" spans="1:8" ht="12.95" customHeight="1">
      <c r="A606" s="78"/>
      <c r="B606" s="42"/>
      <c r="C606" s="28"/>
      <c r="D606" s="60"/>
      <c r="E606" s="43"/>
      <c r="F606" s="60"/>
      <c r="G606" s="54"/>
      <c r="H606" s="8"/>
    </row>
    <row r="607" spans="1:8" ht="12.95" customHeight="1">
      <c r="A607" s="78"/>
      <c r="B607" s="45"/>
      <c r="C607" s="32"/>
      <c r="D607" s="61"/>
      <c r="E607" s="46"/>
      <c r="F607" s="61"/>
      <c r="G607" s="55"/>
      <c r="H607" s="12"/>
    </row>
    <row r="608" spans="1:8" ht="12.95" customHeight="1">
      <c r="A608" s="78"/>
      <c r="B608" s="40"/>
      <c r="C608" s="25"/>
      <c r="D608" s="52"/>
      <c r="E608" s="44"/>
      <c r="F608" s="52"/>
      <c r="G608" s="53"/>
      <c r="H608" s="5"/>
    </row>
    <row r="609" spans="1:8" ht="12.95" customHeight="1">
      <c r="A609" s="78"/>
      <c r="B609" s="42"/>
      <c r="C609" s="28"/>
      <c r="D609" s="60"/>
      <c r="E609" s="43"/>
      <c r="F609" s="60"/>
      <c r="G609" s="54"/>
      <c r="H609" s="8"/>
    </row>
    <row r="610" spans="1:8" ht="12.95" customHeight="1">
      <c r="A610" s="78"/>
      <c r="B610" s="45"/>
      <c r="C610" s="32"/>
      <c r="D610" s="61"/>
      <c r="E610" s="46"/>
      <c r="F610" s="61"/>
      <c r="G610" s="55"/>
      <c r="H610" s="12"/>
    </row>
    <row r="611" spans="1:8" ht="12.95" customHeight="1">
      <c r="A611" s="78"/>
      <c r="B611" s="40"/>
      <c r="C611" s="25"/>
      <c r="D611" s="52"/>
      <c r="E611" s="44"/>
      <c r="F611" s="52"/>
      <c r="G611" s="53"/>
      <c r="H611" s="5"/>
    </row>
    <row r="612" spans="1:8" ht="12.95" customHeight="1">
      <c r="A612" s="78"/>
      <c r="B612" s="42"/>
      <c r="C612" s="28"/>
      <c r="D612" s="60"/>
      <c r="E612" s="43"/>
      <c r="F612" s="60"/>
      <c r="G612" s="54"/>
      <c r="H612" s="8"/>
    </row>
    <row r="613" spans="1:8" ht="12.95" customHeight="1">
      <c r="A613" s="78"/>
      <c r="B613" s="45"/>
      <c r="C613" s="32"/>
      <c r="D613" s="61"/>
      <c r="E613" s="46"/>
      <c r="F613" s="61"/>
      <c r="G613" s="55"/>
      <c r="H613" s="12"/>
    </row>
    <row r="614" spans="1:8" ht="12.95" customHeight="1">
      <c r="A614" s="78"/>
      <c r="B614" s="40"/>
      <c r="C614" s="25"/>
      <c r="D614" s="52"/>
      <c r="E614" s="44"/>
      <c r="F614" s="52"/>
      <c r="G614" s="53"/>
      <c r="H614" s="5"/>
    </row>
    <row r="615" spans="1:8" ht="12.95" customHeight="1">
      <c r="A615" s="78"/>
      <c r="B615" s="42"/>
      <c r="C615" s="28"/>
      <c r="D615" s="60"/>
      <c r="E615" s="43"/>
      <c r="F615" s="60"/>
      <c r="G615" s="54"/>
      <c r="H615" s="8"/>
    </row>
    <row r="616" spans="1:8" ht="12.95" customHeight="1">
      <c r="A616" s="78"/>
      <c r="B616" s="45"/>
      <c r="C616" s="32"/>
      <c r="D616" s="61"/>
      <c r="E616" s="47"/>
      <c r="F616" s="65"/>
      <c r="G616" s="55"/>
      <c r="H616" s="12"/>
    </row>
    <row r="617" spans="1:8" ht="12.95" customHeight="1">
      <c r="A617" s="78"/>
      <c r="B617" s="40"/>
      <c r="C617" s="25"/>
      <c r="D617" s="52"/>
      <c r="E617" s="44"/>
      <c r="F617" s="52"/>
      <c r="G617" s="53"/>
      <c r="H617" s="5"/>
    </row>
    <row r="618" spans="1:8" ht="12.95" customHeight="1">
      <c r="A618" s="78"/>
      <c r="B618" s="42"/>
      <c r="C618" s="28"/>
      <c r="D618" s="60"/>
      <c r="E618" s="43"/>
      <c r="F618" s="60"/>
      <c r="G618" s="54"/>
      <c r="H618" s="8"/>
    </row>
    <row r="619" spans="1:8" ht="12.95" customHeight="1">
      <c r="A619" s="78"/>
      <c r="B619" s="45"/>
      <c r="C619" s="32"/>
      <c r="D619" s="61"/>
      <c r="E619" s="46"/>
      <c r="F619" s="61"/>
      <c r="G619" s="55"/>
      <c r="H619" s="12"/>
    </row>
    <row r="620" spans="1:8" ht="12.95" customHeight="1">
      <c r="A620" s="78"/>
      <c r="B620" s="40"/>
      <c r="C620" s="25"/>
      <c r="D620" s="52"/>
      <c r="E620" s="44"/>
      <c r="F620" s="52"/>
      <c r="G620" s="53"/>
      <c r="H620" s="5"/>
    </row>
    <row r="621" spans="1:8" ht="12.95" customHeight="1">
      <c r="A621" s="78"/>
      <c r="B621" s="42"/>
      <c r="C621" s="28"/>
      <c r="D621" s="60"/>
      <c r="E621" s="43"/>
      <c r="F621" s="60"/>
      <c r="G621" s="54"/>
      <c r="H621" s="8"/>
    </row>
    <row r="622" spans="1:8" ht="12.95" customHeight="1">
      <c r="A622" s="78"/>
      <c r="B622" s="45"/>
      <c r="C622" s="32"/>
      <c r="D622" s="61"/>
      <c r="E622" s="46"/>
      <c r="F622" s="61"/>
      <c r="G622" s="55"/>
      <c r="H622" s="12"/>
    </row>
    <row r="623" spans="1:8" ht="12.95" customHeight="1">
      <c r="A623" s="78"/>
      <c r="B623" s="40"/>
      <c r="C623" s="25"/>
      <c r="D623" s="52"/>
      <c r="E623" s="44"/>
      <c r="F623" s="52"/>
      <c r="G623" s="53"/>
      <c r="H623" s="5"/>
    </row>
    <row r="624" spans="1:8" ht="12.95" customHeight="1">
      <c r="A624" s="78"/>
      <c r="B624" s="42"/>
      <c r="C624" s="28"/>
      <c r="D624" s="60"/>
      <c r="E624" s="43"/>
      <c r="F624" s="60"/>
      <c r="G624" s="54"/>
      <c r="H624" s="8"/>
    </row>
    <row r="625" spans="1:8" ht="12.95" customHeight="1">
      <c r="A625" s="78"/>
      <c r="B625" s="45"/>
      <c r="C625" s="32"/>
      <c r="D625" s="61"/>
      <c r="E625" s="46"/>
      <c r="F625" s="61"/>
      <c r="G625" s="55"/>
      <c r="H625" s="12"/>
    </row>
    <row r="626" spans="1:8" ht="12.95" customHeight="1">
      <c r="A626" s="78"/>
      <c r="B626" s="40"/>
      <c r="C626" s="25"/>
      <c r="D626" s="52"/>
      <c r="E626" s="41"/>
      <c r="F626" s="64"/>
      <c r="G626" s="53"/>
      <c r="H626" s="5"/>
    </row>
    <row r="627" spans="1:8" ht="12.95" customHeight="1">
      <c r="A627" s="78"/>
      <c r="B627" s="42"/>
      <c r="C627" s="28"/>
      <c r="D627" s="60"/>
      <c r="E627" s="43"/>
      <c r="F627" s="60"/>
      <c r="G627" s="54"/>
      <c r="H627" s="8"/>
    </row>
    <row r="628" spans="1:8" ht="12.95" customHeight="1">
      <c r="A628" s="78"/>
      <c r="B628" s="45"/>
      <c r="C628" s="32"/>
      <c r="D628" s="61"/>
      <c r="E628" s="46"/>
      <c r="F628" s="61"/>
      <c r="G628" s="55"/>
      <c r="H628" s="12"/>
    </row>
    <row r="629" spans="1:8" ht="12.95" customHeight="1">
      <c r="A629" s="78"/>
      <c r="B629" s="40"/>
      <c r="C629" s="25"/>
      <c r="D629" s="52"/>
      <c r="E629" s="44"/>
      <c r="F629" s="52"/>
      <c r="G629" s="53"/>
      <c r="H629" s="5"/>
    </row>
    <row r="630" spans="1:8" ht="12.95" customHeight="1">
      <c r="A630" s="78"/>
      <c r="B630" s="42"/>
      <c r="C630" s="28"/>
      <c r="D630" s="60"/>
      <c r="E630" s="43"/>
      <c r="F630" s="60"/>
      <c r="G630" s="54"/>
      <c r="H630" s="8"/>
    </row>
    <row r="631" spans="1:8" ht="12.95" customHeight="1">
      <c r="A631" s="78"/>
      <c r="B631" s="45"/>
      <c r="C631" s="32"/>
      <c r="D631" s="61"/>
      <c r="E631" s="46"/>
      <c r="F631" s="61"/>
      <c r="G631" s="55"/>
      <c r="H631" s="12"/>
    </row>
    <row r="632" spans="1:8" ht="12.95" customHeight="1">
      <c r="A632" s="78"/>
      <c r="B632" s="40"/>
      <c r="C632" s="25"/>
      <c r="D632" s="52"/>
      <c r="E632" s="44"/>
      <c r="F632" s="52"/>
      <c r="G632" s="53"/>
      <c r="H632" s="5"/>
    </row>
    <row r="633" spans="1:8" ht="12.95" customHeight="1">
      <c r="A633" s="78"/>
      <c r="B633" s="42"/>
      <c r="C633" s="28"/>
      <c r="D633" s="60"/>
      <c r="E633" s="43"/>
      <c r="F633" s="60"/>
      <c r="G633" s="54"/>
      <c r="H633" s="8"/>
    </row>
    <row r="634" spans="1:8" ht="12.95" customHeight="1">
      <c r="A634" s="78"/>
      <c r="B634" s="45"/>
      <c r="C634" s="32"/>
      <c r="D634" s="61"/>
      <c r="E634" s="46"/>
      <c r="F634" s="61"/>
      <c r="G634" s="55"/>
      <c r="H634" s="12"/>
    </row>
    <row r="635" spans="1:8" ht="12.95" customHeight="1">
      <c r="A635" s="78"/>
      <c r="B635" s="40"/>
      <c r="C635" s="25"/>
      <c r="D635" s="52"/>
      <c r="E635" s="44"/>
      <c r="F635" s="52"/>
      <c r="G635" s="53"/>
      <c r="H635" s="5"/>
    </row>
    <row r="636" spans="1:8" ht="12.95" customHeight="1">
      <c r="A636" s="78"/>
      <c r="B636" s="42"/>
      <c r="C636" s="28"/>
      <c r="D636" s="60"/>
      <c r="E636" s="48"/>
      <c r="F636" s="66"/>
      <c r="G636" s="54"/>
      <c r="H636" s="8"/>
    </row>
    <row r="637" spans="1:8" ht="12.95" customHeight="1">
      <c r="A637" s="78"/>
      <c r="B637" s="45"/>
      <c r="C637" s="32"/>
      <c r="D637" s="61"/>
      <c r="E637" s="46"/>
      <c r="F637" s="61"/>
      <c r="G637" s="55"/>
      <c r="H637" s="12"/>
    </row>
    <row r="638" spans="1:8" ht="12.95" customHeight="1">
      <c r="A638" s="78"/>
      <c r="B638" s="40"/>
      <c r="C638" s="25"/>
      <c r="D638" s="62"/>
      <c r="E638" s="44"/>
      <c r="F638" s="62"/>
      <c r="G638" s="53"/>
      <c r="H638" s="5"/>
    </row>
    <row r="639" spans="1:8" ht="12.95" customHeight="1">
      <c r="A639" s="78"/>
      <c r="B639" s="50"/>
      <c r="C639" s="38"/>
      <c r="D639" s="63"/>
      <c r="E639" s="51"/>
      <c r="F639" s="63"/>
      <c r="G639" s="57"/>
      <c r="H639" s="18"/>
    </row>
    <row r="640" spans="1:8" ht="0.95" customHeight="1">
      <c r="B640" s="19"/>
      <c r="C640" s="19"/>
      <c r="D640" s="19"/>
      <c r="E640" s="19"/>
      <c r="F640" s="67"/>
      <c r="G640" s="19"/>
      <c r="H640" s="19"/>
    </row>
    <row r="641" spans="1:8" s="1" customFormat="1" ht="18" customHeight="1">
      <c r="B641" s="79" t="s">
        <v>137</v>
      </c>
      <c r="C641" s="79"/>
      <c r="D641" s="79"/>
      <c r="E641" s="79"/>
      <c r="F641" s="79"/>
      <c r="G641" s="79"/>
      <c r="H641" s="80"/>
    </row>
    <row r="642" spans="1:8" ht="21" customHeight="1">
      <c r="A642" s="78"/>
      <c r="B642" s="207" t="s">
        <v>29</v>
      </c>
      <c r="C642" s="208"/>
      <c r="D642" s="208" t="s">
        <v>366</v>
      </c>
      <c r="E642" s="208"/>
      <c r="F642" s="208"/>
      <c r="G642" s="208" t="s">
        <v>139</v>
      </c>
      <c r="H642" s="209"/>
    </row>
    <row r="643" spans="1:8" ht="21" customHeight="1">
      <c r="A643" s="78"/>
      <c r="B643" s="105" t="s">
        <v>140</v>
      </c>
      <c r="C643" s="106" t="s">
        <v>141</v>
      </c>
      <c r="D643" s="106" t="s">
        <v>142</v>
      </c>
      <c r="E643" s="106" t="s">
        <v>38</v>
      </c>
      <c r="F643" s="106" t="s">
        <v>143</v>
      </c>
      <c r="G643" s="106" t="s">
        <v>144</v>
      </c>
      <c r="H643" s="107" t="s">
        <v>27</v>
      </c>
    </row>
    <row r="644" spans="1:8" ht="12.95" customHeight="1">
      <c r="A644" s="78" t="s">
        <v>7</v>
      </c>
      <c r="B644" s="108" t="s">
        <v>367</v>
      </c>
      <c r="C644" s="98" t="s">
        <v>7</v>
      </c>
      <c r="D644" s="52" t="s">
        <v>7</v>
      </c>
      <c r="E644" s="113" t="s">
        <v>7</v>
      </c>
      <c r="F644" s="124" t="s">
        <v>7</v>
      </c>
      <c r="G644" s="53" t="s">
        <v>7</v>
      </c>
      <c r="H644" s="90"/>
    </row>
    <row r="645" spans="1:8" ht="12.95" customHeight="1">
      <c r="A645" s="78" t="s">
        <v>7</v>
      </c>
      <c r="B645" s="108" t="s">
        <v>7</v>
      </c>
      <c r="C645" s="98" t="s">
        <v>7</v>
      </c>
      <c r="D645" s="52" t="s">
        <v>7</v>
      </c>
      <c r="E645" s="113" t="s">
        <v>7</v>
      </c>
      <c r="F645" s="52" t="s">
        <v>7</v>
      </c>
      <c r="G645" s="53" t="s">
        <v>7</v>
      </c>
      <c r="H645" s="90"/>
    </row>
    <row r="646" spans="1:8" ht="12.95" customHeight="1">
      <c r="A646" s="78" t="s">
        <v>7</v>
      </c>
      <c r="B646" s="109" t="s">
        <v>7</v>
      </c>
      <c r="C646" s="100" t="s">
        <v>7</v>
      </c>
      <c r="D646" s="60" t="s">
        <v>7</v>
      </c>
      <c r="E646" s="112" t="s">
        <v>7</v>
      </c>
      <c r="F646" s="126" t="s">
        <v>7</v>
      </c>
      <c r="G646" s="54" t="s">
        <v>7</v>
      </c>
      <c r="H646" s="91"/>
    </row>
    <row r="647" spans="1:8" ht="12.95" customHeight="1">
      <c r="A647" s="78" t="s">
        <v>7</v>
      </c>
      <c r="B647" s="108" t="s">
        <v>368</v>
      </c>
      <c r="C647" s="98" t="s">
        <v>369</v>
      </c>
      <c r="D647" s="52" t="s">
        <v>7</v>
      </c>
      <c r="E647" s="113" t="s">
        <v>7</v>
      </c>
      <c r="F647" s="124"/>
      <c r="G647" s="53"/>
      <c r="H647" s="90"/>
    </row>
    <row r="648" spans="1:8" ht="12.95" customHeight="1">
      <c r="A648" s="78" t="s">
        <v>7</v>
      </c>
      <c r="B648" s="108" t="s">
        <v>370</v>
      </c>
      <c r="C648" s="98" t="s">
        <v>7</v>
      </c>
      <c r="D648" s="52" t="s">
        <v>371</v>
      </c>
      <c r="E648" s="113" t="s">
        <v>7</v>
      </c>
      <c r="F648" s="52"/>
      <c r="G648" s="53"/>
      <c r="H648" s="90"/>
    </row>
    <row r="649" spans="1:8" ht="12.95" customHeight="1">
      <c r="A649" s="78" t="s">
        <v>7</v>
      </c>
      <c r="B649" s="109" t="s">
        <v>7</v>
      </c>
      <c r="C649" s="100" t="s">
        <v>7</v>
      </c>
      <c r="D649" s="60" t="s">
        <v>7</v>
      </c>
      <c r="E649" s="112" t="s">
        <v>372</v>
      </c>
      <c r="F649" s="126"/>
      <c r="G649" s="54"/>
      <c r="H649" s="91"/>
    </row>
    <row r="650" spans="1:8" ht="12.95" customHeight="1">
      <c r="A650" s="78" t="s">
        <v>7</v>
      </c>
      <c r="B650" s="108" t="s">
        <v>368</v>
      </c>
      <c r="C650" s="98" t="s">
        <v>373</v>
      </c>
      <c r="D650" s="52" t="s">
        <v>7</v>
      </c>
      <c r="E650" s="113" t="s">
        <v>7</v>
      </c>
      <c r="F650" s="124"/>
      <c r="G650" s="53"/>
      <c r="H650" s="90"/>
    </row>
    <row r="651" spans="1:8" ht="12.95" customHeight="1">
      <c r="A651" s="78" t="s">
        <v>7</v>
      </c>
      <c r="B651" s="108" t="s">
        <v>370</v>
      </c>
      <c r="C651" s="98" t="s">
        <v>7</v>
      </c>
      <c r="D651" s="52" t="s">
        <v>214</v>
      </c>
      <c r="E651" s="113" t="s">
        <v>7</v>
      </c>
      <c r="F651" s="52"/>
      <c r="G651" s="53"/>
      <c r="H651" s="90"/>
    </row>
    <row r="652" spans="1:8" ht="12.95" customHeight="1">
      <c r="A652" s="78" t="s">
        <v>7</v>
      </c>
      <c r="B652" s="109" t="s">
        <v>7</v>
      </c>
      <c r="C652" s="100" t="s">
        <v>7</v>
      </c>
      <c r="D652" s="60" t="s">
        <v>7</v>
      </c>
      <c r="E652" s="112" t="s">
        <v>372</v>
      </c>
      <c r="F652" s="126"/>
      <c r="G652" s="54"/>
      <c r="H652" s="91"/>
    </row>
    <row r="653" spans="1:8" ht="12.95" customHeight="1">
      <c r="A653" s="78" t="s">
        <v>7</v>
      </c>
      <c r="B653" s="108" t="s">
        <v>368</v>
      </c>
      <c r="C653" s="98" t="s">
        <v>374</v>
      </c>
      <c r="D653" s="52" t="s">
        <v>7</v>
      </c>
      <c r="E653" s="113" t="s">
        <v>7</v>
      </c>
      <c r="F653" s="124"/>
      <c r="G653" s="53"/>
      <c r="H653" s="90"/>
    </row>
    <row r="654" spans="1:8" ht="12.95" customHeight="1">
      <c r="A654" s="78" t="s">
        <v>7</v>
      </c>
      <c r="B654" s="108" t="s">
        <v>370</v>
      </c>
      <c r="C654" s="98" t="s">
        <v>7</v>
      </c>
      <c r="D654" s="52" t="s">
        <v>375</v>
      </c>
      <c r="E654" s="113" t="s">
        <v>7</v>
      </c>
      <c r="F654" s="52"/>
      <c r="G654" s="53"/>
      <c r="H654" s="90"/>
    </row>
    <row r="655" spans="1:8" ht="12.95" customHeight="1">
      <c r="A655" s="78" t="s">
        <v>7</v>
      </c>
      <c r="B655" s="109" t="s">
        <v>7</v>
      </c>
      <c r="C655" s="100" t="s">
        <v>7</v>
      </c>
      <c r="D655" s="60" t="s">
        <v>7</v>
      </c>
      <c r="E655" s="112" t="s">
        <v>372</v>
      </c>
      <c r="F655" s="126"/>
      <c r="G655" s="54"/>
      <c r="H655" s="91"/>
    </row>
    <row r="656" spans="1:8" ht="12.95" customHeight="1">
      <c r="A656" s="78" t="s">
        <v>7</v>
      </c>
      <c r="B656" s="108" t="s">
        <v>376</v>
      </c>
      <c r="C656" s="98" t="s">
        <v>377</v>
      </c>
      <c r="D656" s="52" t="s">
        <v>7</v>
      </c>
      <c r="E656" s="113" t="s">
        <v>7</v>
      </c>
      <c r="F656" s="124"/>
      <c r="G656" s="53"/>
      <c r="H656" s="90"/>
    </row>
    <row r="657" spans="1:8" ht="12.95" customHeight="1">
      <c r="A657" s="78" t="s">
        <v>7</v>
      </c>
      <c r="B657" s="108" t="s">
        <v>7</v>
      </c>
      <c r="C657" s="98" t="s">
        <v>378</v>
      </c>
      <c r="D657" s="52" t="s">
        <v>379</v>
      </c>
      <c r="E657" s="113" t="s">
        <v>7</v>
      </c>
      <c r="F657" s="52"/>
      <c r="G657" s="53"/>
      <c r="H657" s="90"/>
    </row>
    <row r="658" spans="1:8" ht="12.95" customHeight="1">
      <c r="A658" s="78" t="s">
        <v>7</v>
      </c>
      <c r="B658" s="109" t="s">
        <v>7</v>
      </c>
      <c r="C658" s="100" t="s">
        <v>7</v>
      </c>
      <c r="D658" s="60" t="s">
        <v>7</v>
      </c>
      <c r="E658" s="112" t="s">
        <v>372</v>
      </c>
      <c r="F658" s="126"/>
      <c r="G658" s="54"/>
      <c r="H658" s="91"/>
    </row>
    <row r="659" spans="1:8" ht="12.95" customHeight="1">
      <c r="A659" s="78" t="s">
        <v>7</v>
      </c>
      <c r="B659" s="108" t="s">
        <v>380</v>
      </c>
      <c r="C659" s="98" t="s">
        <v>381</v>
      </c>
      <c r="D659" s="52" t="s">
        <v>7</v>
      </c>
      <c r="E659" s="113" t="s">
        <v>7</v>
      </c>
      <c r="F659" s="124"/>
      <c r="G659" s="53"/>
      <c r="H659" s="90"/>
    </row>
    <row r="660" spans="1:8" ht="12.95" customHeight="1">
      <c r="A660" s="78" t="s">
        <v>7</v>
      </c>
      <c r="B660" s="108" t="s">
        <v>7</v>
      </c>
      <c r="C660" s="98" t="s">
        <v>7</v>
      </c>
      <c r="D660" s="52" t="s">
        <v>382</v>
      </c>
      <c r="E660" s="113" t="s">
        <v>7</v>
      </c>
      <c r="F660" s="52"/>
      <c r="G660" s="53"/>
      <c r="H660" s="90"/>
    </row>
    <row r="661" spans="1:8" ht="12.95" customHeight="1">
      <c r="A661" s="78" t="s">
        <v>7</v>
      </c>
      <c r="B661" s="109" t="s">
        <v>7</v>
      </c>
      <c r="C661" s="100" t="s">
        <v>7</v>
      </c>
      <c r="D661" s="60" t="s">
        <v>7</v>
      </c>
      <c r="E661" s="112" t="s">
        <v>134</v>
      </c>
      <c r="F661" s="126"/>
      <c r="G661" s="54"/>
      <c r="H661" s="91" t="s">
        <v>7</v>
      </c>
    </row>
    <row r="662" spans="1:8" ht="12.95" customHeight="1">
      <c r="A662" s="78" t="s">
        <v>7</v>
      </c>
      <c r="B662" s="108" t="s">
        <v>383</v>
      </c>
      <c r="C662" s="98" t="s">
        <v>384</v>
      </c>
      <c r="D662" s="52" t="s">
        <v>7</v>
      </c>
      <c r="E662" s="113" t="s">
        <v>7</v>
      </c>
      <c r="F662" s="124"/>
      <c r="G662" s="53"/>
      <c r="H662" s="90"/>
    </row>
    <row r="663" spans="1:8" ht="12.95" customHeight="1">
      <c r="A663" s="78" t="s">
        <v>7</v>
      </c>
      <c r="B663" s="108" t="s">
        <v>7</v>
      </c>
      <c r="C663" s="98" t="s">
        <v>7</v>
      </c>
      <c r="D663" s="52" t="s">
        <v>385</v>
      </c>
      <c r="E663" s="113" t="s">
        <v>7</v>
      </c>
      <c r="F663" s="52"/>
      <c r="G663" s="53"/>
      <c r="H663" s="90"/>
    </row>
    <row r="664" spans="1:8" ht="12.95" customHeight="1">
      <c r="A664" s="78" t="s">
        <v>7</v>
      </c>
      <c r="B664" s="109" t="s">
        <v>7</v>
      </c>
      <c r="C664" s="100" t="s">
        <v>7</v>
      </c>
      <c r="D664" s="60" t="s">
        <v>7</v>
      </c>
      <c r="E664" s="112" t="s">
        <v>130</v>
      </c>
      <c r="F664" s="126"/>
      <c r="G664" s="54"/>
      <c r="H664" s="91"/>
    </row>
    <row r="665" spans="1:8" ht="12.95" customHeight="1">
      <c r="A665" s="78" t="s">
        <v>7</v>
      </c>
      <c r="B665" s="108" t="s">
        <v>386</v>
      </c>
      <c r="C665" s="98" t="s">
        <v>387</v>
      </c>
      <c r="D665" s="52" t="s">
        <v>7</v>
      </c>
      <c r="E665" s="113" t="s">
        <v>7</v>
      </c>
      <c r="F665" s="124"/>
      <c r="G665" s="53"/>
      <c r="H665" s="90"/>
    </row>
    <row r="666" spans="1:8" ht="12.95" customHeight="1">
      <c r="A666" s="78" t="s">
        <v>7</v>
      </c>
      <c r="B666" s="108" t="s">
        <v>7</v>
      </c>
      <c r="C666" s="98" t="s">
        <v>7</v>
      </c>
      <c r="D666" s="52" t="s">
        <v>379</v>
      </c>
      <c r="E666" s="113" t="s">
        <v>7</v>
      </c>
      <c r="F666" s="52"/>
      <c r="G666" s="53"/>
      <c r="H666" s="90"/>
    </row>
    <row r="667" spans="1:8" ht="12.95" customHeight="1">
      <c r="A667" s="78" t="s">
        <v>7</v>
      </c>
      <c r="B667" s="109" t="s">
        <v>7</v>
      </c>
      <c r="C667" s="100" t="s">
        <v>7</v>
      </c>
      <c r="D667" s="60" t="s">
        <v>7</v>
      </c>
      <c r="E667" s="112" t="s">
        <v>372</v>
      </c>
      <c r="F667" s="126"/>
      <c r="G667" s="54"/>
      <c r="H667" s="91"/>
    </row>
    <row r="668" spans="1:8" ht="12.95" customHeight="1">
      <c r="A668" s="78" t="s">
        <v>7</v>
      </c>
      <c r="B668" s="108" t="s">
        <v>388</v>
      </c>
      <c r="C668" s="98" t="s">
        <v>389</v>
      </c>
      <c r="D668" s="52" t="s">
        <v>7</v>
      </c>
      <c r="E668" s="113" t="s">
        <v>7</v>
      </c>
      <c r="F668" s="124"/>
      <c r="G668" s="53"/>
      <c r="H668" s="90"/>
    </row>
    <row r="669" spans="1:8" ht="12.95" customHeight="1">
      <c r="A669" s="78" t="s">
        <v>7</v>
      </c>
      <c r="B669" s="108" t="s">
        <v>7</v>
      </c>
      <c r="C669" s="98" t="s">
        <v>7</v>
      </c>
      <c r="D669" s="52" t="s">
        <v>390</v>
      </c>
      <c r="E669" s="113" t="s">
        <v>7</v>
      </c>
      <c r="F669" s="52"/>
      <c r="G669" s="53"/>
      <c r="H669" s="90"/>
    </row>
    <row r="670" spans="1:8" ht="12.95" customHeight="1">
      <c r="A670" s="78" t="s">
        <v>7</v>
      </c>
      <c r="B670" s="109" t="s">
        <v>7</v>
      </c>
      <c r="C670" s="100" t="s">
        <v>7</v>
      </c>
      <c r="D670" s="60" t="s">
        <v>7</v>
      </c>
      <c r="E670" s="112" t="s">
        <v>130</v>
      </c>
      <c r="F670" s="126"/>
      <c r="G670" s="54"/>
      <c r="H670" s="91"/>
    </row>
    <row r="671" spans="1:8" ht="12.95" customHeight="1">
      <c r="A671" s="78" t="s">
        <v>7</v>
      </c>
      <c r="B671" s="108" t="s">
        <v>388</v>
      </c>
      <c r="C671" s="98" t="s">
        <v>391</v>
      </c>
      <c r="D671" s="52" t="s">
        <v>7</v>
      </c>
      <c r="E671" s="113" t="s">
        <v>7</v>
      </c>
      <c r="F671" s="124"/>
      <c r="G671" s="53"/>
      <c r="H671" s="90"/>
    </row>
    <row r="672" spans="1:8" ht="12.95" customHeight="1">
      <c r="A672" s="78" t="s">
        <v>7</v>
      </c>
      <c r="B672" s="108" t="s">
        <v>7</v>
      </c>
      <c r="C672" s="98" t="s">
        <v>7</v>
      </c>
      <c r="D672" s="52" t="s">
        <v>392</v>
      </c>
      <c r="E672" s="113" t="s">
        <v>7</v>
      </c>
      <c r="F672" s="52"/>
      <c r="G672" s="53"/>
      <c r="H672" s="90"/>
    </row>
    <row r="673" spans="1:8" ht="12.95" customHeight="1">
      <c r="A673" s="78" t="s">
        <v>7</v>
      </c>
      <c r="B673" s="109" t="s">
        <v>7</v>
      </c>
      <c r="C673" s="100" t="s">
        <v>7</v>
      </c>
      <c r="D673" s="60" t="s">
        <v>7</v>
      </c>
      <c r="E673" s="112" t="s">
        <v>130</v>
      </c>
      <c r="F673" s="126"/>
      <c r="G673" s="54"/>
      <c r="H673" s="91"/>
    </row>
    <row r="674" spans="1:8" ht="12.95" customHeight="1">
      <c r="A674" s="78" t="s">
        <v>7</v>
      </c>
      <c r="B674" s="108" t="s">
        <v>388</v>
      </c>
      <c r="C674" s="98" t="s">
        <v>393</v>
      </c>
      <c r="D674" s="52" t="s">
        <v>7</v>
      </c>
      <c r="E674" s="113" t="s">
        <v>7</v>
      </c>
      <c r="F674" s="124"/>
      <c r="G674" s="53"/>
      <c r="H674" s="90"/>
    </row>
    <row r="675" spans="1:8" ht="12.95" customHeight="1">
      <c r="A675" s="78" t="s">
        <v>7</v>
      </c>
      <c r="B675" s="108" t="s">
        <v>7</v>
      </c>
      <c r="C675" s="98" t="s">
        <v>7</v>
      </c>
      <c r="D675" s="52" t="s">
        <v>394</v>
      </c>
      <c r="E675" s="113" t="s">
        <v>7</v>
      </c>
      <c r="F675" s="52"/>
      <c r="G675" s="53"/>
      <c r="H675" s="90"/>
    </row>
    <row r="676" spans="1:8" ht="12.95" customHeight="1">
      <c r="A676" s="78" t="s">
        <v>7</v>
      </c>
      <c r="B676" s="109" t="s">
        <v>7</v>
      </c>
      <c r="C676" s="100" t="s">
        <v>7</v>
      </c>
      <c r="D676" s="60" t="s">
        <v>7</v>
      </c>
      <c r="E676" s="112" t="s">
        <v>130</v>
      </c>
      <c r="F676" s="126"/>
      <c r="G676" s="54"/>
      <c r="H676" s="91"/>
    </row>
    <row r="677" spans="1:8" ht="12.95" customHeight="1">
      <c r="A677" s="78" t="s">
        <v>7</v>
      </c>
      <c r="B677" s="108" t="s">
        <v>388</v>
      </c>
      <c r="C677" s="98" t="s">
        <v>395</v>
      </c>
      <c r="D677" s="52" t="s">
        <v>7</v>
      </c>
      <c r="E677" s="113" t="s">
        <v>7</v>
      </c>
      <c r="F677" s="124"/>
      <c r="G677" s="53"/>
      <c r="H677" s="90"/>
    </row>
    <row r="678" spans="1:8" ht="12.95" customHeight="1">
      <c r="A678" s="78" t="s">
        <v>7</v>
      </c>
      <c r="B678" s="108" t="s">
        <v>7</v>
      </c>
      <c r="C678" s="98" t="s">
        <v>7</v>
      </c>
      <c r="D678" s="52" t="s">
        <v>396</v>
      </c>
      <c r="E678" s="113" t="s">
        <v>7</v>
      </c>
      <c r="F678" s="52"/>
      <c r="G678" s="53"/>
      <c r="H678" s="90"/>
    </row>
    <row r="679" spans="1:8" ht="12.95" customHeight="1">
      <c r="A679" s="78" t="s">
        <v>7</v>
      </c>
      <c r="B679" s="109" t="s">
        <v>7</v>
      </c>
      <c r="C679" s="100" t="s">
        <v>7</v>
      </c>
      <c r="D679" s="60" t="s">
        <v>7</v>
      </c>
      <c r="E679" s="112" t="s">
        <v>130</v>
      </c>
      <c r="F679" s="126"/>
      <c r="G679" s="54"/>
      <c r="H679" s="91"/>
    </row>
    <row r="680" spans="1:8" ht="12.95" customHeight="1">
      <c r="A680" s="78" t="s">
        <v>7</v>
      </c>
      <c r="B680" s="108" t="s">
        <v>388</v>
      </c>
      <c r="C680" s="98" t="s">
        <v>397</v>
      </c>
      <c r="D680" s="52" t="s">
        <v>7</v>
      </c>
      <c r="E680" s="113" t="s">
        <v>7</v>
      </c>
      <c r="F680" s="124"/>
      <c r="G680" s="53"/>
      <c r="H680" s="90"/>
    </row>
    <row r="681" spans="1:8" ht="12.95" customHeight="1">
      <c r="A681" s="78" t="s">
        <v>7</v>
      </c>
      <c r="B681" s="108" t="s">
        <v>7</v>
      </c>
      <c r="C681" s="98" t="s">
        <v>7</v>
      </c>
      <c r="D681" s="52" t="s">
        <v>398</v>
      </c>
      <c r="E681" s="113" t="s">
        <v>7</v>
      </c>
      <c r="F681" s="52"/>
      <c r="G681" s="53"/>
      <c r="H681" s="90"/>
    </row>
    <row r="682" spans="1:8" ht="12.95" customHeight="1">
      <c r="A682" s="78" t="s">
        <v>7</v>
      </c>
      <c r="B682" s="109" t="s">
        <v>7</v>
      </c>
      <c r="C682" s="100" t="s">
        <v>7</v>
      </c>
      <c r="D682" s="60" t="s">
        <v>7</v>
      </c>
      <c r="E682" s="112" t="s">
        <v>130</v>
      </c>
      <c r="F682" s="126"/>
      <c r="G682" s="54"/>
      <c r="H682" s="91"/>
    </row>
    <row r="683" spans="1:8" ht="12.95" customHeight="1">
      <c r="A683" s="78" t="s">
        <v>7</v>
      </c>
      <c r="B683" s="108" t="s">
        <v>399</v>
      </c>
      <c r="C683" s="98" t="s">
        <v>400</v>
      </c>
      <c r="D683" s="52" t="s">
        <v>7</v>
      </c>
      <c r="E683" s="113" t="s">
        <v>7</v>
      </c>
      <c r="F683" s="124"/>
      <c r="G683" s="53"/>
      <c r="H683" s="90"/>
    </row>
    <row r="684" spans="1:8" ht="12.95" customHeight="1">
      <c r="A684" s="78" t="s">
        <v>7</v>
      </c>
      <c r="B684" s="108" t="s">
        <v>7</v>
      </c>
      <c r="C684" s="98" t="s">
        <v>7</v>
      </c>
      <c r="D684" s="52" t="s">
        <v>401</v>
      </c>
      <c r="E684" s="113" t="s">
        <v>7</v>
      </c>
      <c r="F684" s="52"/>
      <c r="G684" s="53"/>
      <c r="H684" s="90"/>
    </row>
    <row r="685" spans="1:8" ht="12.95" customHeight="1">
      <c r="A685" s="78" t="s">
        <v>7</v>
      </c>
      <c r="B685" s="109" t="s">
        <v>7</v>
      </c>
      <c r="C685" s="100" t="s">
        <v>7</v>
      </c>
      <c r="D685" s="60" t="s">
        <v>7</v>
      </c>
      <c r="E685" s="112" t="s">
        <v>130</v>
      </c>
      <c r="F685" s="126"/>
      <c r="G685" s="54"/>
      <c r="H685" s="91"/>
    </row>
    <row r="686" spans="1:8" ht="12.95" customHeight="1">
      <c r="A686" s="78" t="s">
        <v>7</v>
      </c>
      <c r="B686" s="108" t="s">
        <v>190</v>
      </c>
      <c r="C686" s="98" t="s">
        <v>7</v>
      </c>
      <c r="D686" s="52" t="s">
        <v>7</v>
      </c>
      <c r="E686" s="113" t="s">
        <v>7</v>
      </c>
      <c r="F686" s="124"/>
      <c r="G686" s="53"/>
      <c r="H686" s="90"/>
    </row>
    <row r="687" spans="1:8" ht="12.95" customHeight="1">
      <c r="A687" s="78" t="s">
        <v>7</v>
      </c>
      <c r="B687" s="108" t="s">
        <v>7</v>
      </c>
      <c r="C687" s="98" t="s">
        <v>7</v>
      </c>
      <c r="D687" s="52" t="s">
        <v>7</v>
      </c>
      <c r="E687" s="113" t="s">
        <v>7</v>
      </c>
      <c r="F687" s="52"/>
      <c r="G687" s="53"/>
      <c r="H687" s="90"/>
    </row>
    <row r="688" spans="1:8" ht="12.95" customHeight="1">
      <c r="A688" s="78" t="s">
        <v>7</v>
      </c>
      <c r="B688" s="109" t="s">
        <v>7</v>
      </c>
      <c r="C688" s="100" t="s">
        <v>7</v>
      </c>
      <c r="D688" s="60" t="s">
        <v>7</v>
      </c>
      <c r="E688" s="112" t="s">
        <v>7</v>
      </c>
      <c r="F688" s="126" t="s">
        <v>7</v>
      </c>
      <c r="G688" s="54" t="s">
        <v>7</v>
      </c>
      <c r="H688" s="91"/>
    </row>
    <row r="689" spans="1:8" ht="12.95" customHeight="1">
      <c r="A689" s="78" t="s">
        <v>7</v>
      </c>
      <c r="B689" s="108" t="s">
        <v>402</v>
      </c>
      <c r="C689" s="98" t="s">
        <v>7</v>
      </c>
      <c r="D689" s="52" t="s">
        <v>7</v>
      </c>
      <c r="E689" s="113" t="s">
        <v>7</v>
      </c>
      <c r="F689" s="124" t="s">
        <v>7</v>
      </c>
      <c r="G689" s="53" t="s">
        <v>7</v>
      </c>
      <c r="H689" s="90"/>
    </row>
    <row r="690" spans="1:8" ht="12.95" customHeight="1">
      <c r="A690" s="78" t="s">
        <v>7</v>
      </c>
      <c r="B690" s="108" t="s">
        <v>7</v>
      </c>
      <c r="C690" s="98" t="s">
        <v>7</v>
      </c>
      <c r="D690" s="52" t="s">
        <v>7</v>
      </c>
      <c r="E690" s="113" t="s">
        <v>7</v>
      </c>
      <c r="F690" s="52" t="s">
        <v>7</v>
      </c>
      <c r="G690" s="53" t="s">
        <v>7</v>
      </c>
      <c r="H690" s="90" t="s">
        <v>7</v>
      </c>
    </row>
    <row r="691" spans="1:8" ht="12.95" customHeight="1">
      <c r="A691" s="78" t="s">
        <v>7</v>
      </c>
      <c r="B691" s="109" t="s">
        <v>7</v>
      </c>
      <c r="C691" s="100" t="s">
        <v>7</v>
      </c>
      <c r="D691" s="60" t="s">
        <v>7</v>
      </c>
      <c r="E691" s="112" t="s">
        <v>7</v>
      </c>
      <c r="F691" s="126" t="s">
        <v>7</v>
      </c>
      <c r="G691" s="54" t="s">
        <v>7</v>
      </c>
      <c r="H691" s="91" t="s">
        <v>7</v>
      </c>
    </row>
    <row r="692" spans="1:8" ht="12.95" customHeight="1">
      <c r="A692" s="78" t="s">
        <v>7</v>
      </c>
      <c r="B692" s="108" t="s">
        <v>403</v>
      </c>
      <c r="C692" s="98" t="s">
        <v>404</v>
      </c>
      <c r="D692" s="52" t="s">
        <v>7</v>
      </c>
      <c r="E692" s="113" t="s">
        <v>7</v>
      </c>
      <c r="F692" s="124"/>
      <c r="G692" s="53"/>
      <c r="H692" s="90"/>
    </row>
    <row r="693" spans="1:8" ht="12.95" customHeight="1">
      <c r="A693" s="78" t="s">
        <v>7</v>
      </c>
      <c r="B693" s="108" t="s">
        <v>7</v>
      </c>
      <c r="C693" s="98" t="s">
        <v>405</v>
      </c>
      <c r="D693" s="52" t="s">
        <v>406</v>
      </c>
      <c r="E693" s="113" t="s">
        <v>7</v>
      </c>
      <c r="F693" s="52"/>
      <c r="G693" s="53"/>
      <c r="H693" s="90"/>
    </row>
    <row r="694" spans="1:8" ht="12.95" customHeight="1">
      <c r="A694" s="78" t="s">
        <v>7</v>
      </c>
      <c r="B694" s="109" t="s">
        <v>7</v>
      </c>
      <c r="C694" s="100" t="s">
        <v>7</v>
      </c>
      <c r="D694" s="60" t="s">
        <v>7</v>
      </c>
      <c r="E694" s="112" t="s">
        <v>115</v>
      </c>
      <c r="F694" s="126"/>
      <c r="G694" s="54"/>
      <c r="H694" s="91"/>
    </row>
    <row r="695" spans="1:8" ht="12.95" customHeight="1">
      <c r="A695" s="78" t="s">
        <v>7</v>
      </c>
      <c r="B695" s="108" t="s">
        <v>403</v>
      </c>
      <c r="C695" s="98" t="s">
        <v>407</v>
      </c>
      <c r="D695" s="52" t="s">
        <v>7</v>
      </c>
      <c r="E695" s="113" t="s">
        <v>7</v>
      </c>
      <c r="F695" s="124"/>
      <c r="G695" s="53"/>
      <c r="H695" s="90"/>
    </row>
    <row r="696" spans="1:8" ht="12.95" customHeight="1">
      <c r="A696" s="78" t="s">
        <v>7</v>
      </c>
      <c r="B696" s="108" t="s">
        <v>7</v>
      </c>
      <c r="C696" s="98" t="s">
        <v>405</v>
      </c>
      <c r="D696" s="52" t="s">
        <v>371</v>
      </c>
      <c r="E696" s="113" t="s">
        <v>7</v>
      </c>
      <c r="F696" s="52"/>
      <c r="G696" s="53"/>
      <c r="H696" s="90"/>
    </row>
    <row r="697" spans="1:8" ht="12.95" customHeight="1">
      <c r="A697" s="78" t="s">
        <v>7</v>
      </c>
      <c r="B697" s="109" t="s">
        <v>7</v>
      </c>
      <c r="C697" s="100" t="s">
        <v>7</v>
      </c>
      <c r="D697" s="60" t="s">
        <v>7</v>
      </c>
      <c r="E697" s="112" t="s">
        <v>115</v>
      </c>
      <c r="F697" s="126"/>
      <c r="G697" s="54"/>
      <c r="H697" s="91"/>
    </row>
    <row r="698" spans="1:8" ht="12.95" customHeight="1">
      <c r="A698" s="78" t="s">
        <v>7</v>
      </c>
      <c r="B698" s="108" t="s">
        <v>408</v>
      </c>
      <c r="C698" s="98" t="s">
        <v>7</v>
      </c>
      <c r="D698" s="52" t="s">
        <v>7</v>
      </c>
      <c r="E698" s="113" t="s">
        <v>7</v>
      </c>
      <c r="F698" s="124"/>
      <c r="G698" s="53"/>
      <c r="H698" s="90"/>
    </row>
    <row r="699" spans="1:8" ht="12.95" customHeight="1">
      <c r="A699" s="78" t="s">
        <v>7</v>
      </c>
      <c r="B699" s="108" t="s">
        <v>7</v>
      </c>
      <c r="C699" s="98" t="s">
        <v>7</v>
      </c>
      <c r="D699" s="52" t="s">
        <v>30</v>
      </c>
      <c r="E699" s="113" t="s">
        <v>7</v>
      </c>
      <c r="F699" s="52"/>
      <c r="G699" s="53"/>
      <c r="H699" s="90"/>
    </row>
    <row r="700" spans="1:8" ht="12.95" customHeight="1">
      <c r="A700" s="78" t="s">
        <v>7</v>
      </c>
      <c r="B700" s="109" t="s">
        <v>7</v>
      </c>
      <c r="C700" s="100" t="s">
        <v>7</v>
      </c>
      <c r="D700" s="60" t="s">
        <v>7</v>
      </c>
      <c r="E700" s="112" t="s">
        <v>31</v>
      </c>
      <c r="F700" s="126"/>
      <c r="G700" s="54"/>
      <c r="H700" s="91"/>
    </row>
    <row r="701" spans="1:8" ht="12.95" customHeight="1">
      <c r="A701" s="78" t="s">
        <v>7</v>
      </c>
      <c r="B701" s="108" t="s">
        <v>409</v>
      </c>
      <c r="C701" s="98" t="s">
        <v>7</v>
      </c>
      <c r="D701" s="52" t="s">
        <v>7</v>
      </c>
      <c r="E701" s="113" t="s">
        <v>7</v>
      </c>
      <c r="F701" s="124"/>
      <c r="G701" s="53"/>
      <c r="H701" s="90"/>
    </row>
    <row r="702" spans="1:8" ht="12.95" customHeight="1">
      <c r="A702" s="78" t="s">
        <v>7</v>
      </c>
      <c r="B702" s="108" t="s">
        <v>7</v>
      </c>
      <c r="C702" s="98" t="s">
        <v>7</v>
      </c>
      <c r="D702" s="52" t="s">
        <v>30</v>
      </c>
      <c r="E702" s="113" t="s">
        <v>7</v>
      </c>
      <c r="F702" s="52"/>
      <c r="G702" s="53"/>
      <c r="H702" s="90"/>
    </row>
    <row r="703" spans="1:8" ht="12.95" customHeight="1">
      <c r="A703" s="78" t="s">
        <v>7</v>
      </c>
      <c r="B703" s="109" t="s">
        <v>7</v>
      </c>
      <c r="C703" s="100" t="s">
        <v>7</v>
      </c>
      <c r="D703" s="60" t="s">
        <v>7</v>
      </c>
      <c r="E703" s="112" t="s">
        <v>31</v>
      </c>
      <c r="F703" s="126"/>
      <c r="G703" s="54"/>
      <c r="H703" s="91" t="s">
        <v>7</v>
      </c>
    </row>
    <row r="704" spans="1:8" ht="0.95" customHeight="1">
      <c r="B704" s="19"/>
      <c r="C704" s="19"/>
      <c r="D704" s="19"/>
      <c r="E704" s="19"/>
      <c r="F704" s="67"/>
      <c r="G704" s="19"/>
      <c r="H704" s="19"/>
    </row>
    <row r="705" spans="1:8" s="1" customFormat="1" ht="18" customHeight="1">
      <c r="B705" s="79" t="s">
        <v>137</v>
      </c>
      <c r="C705" s="79"/>
      <c r="D705" s="79"/>
      <c r="E705" s="79"/>
      <c r="F705" s="79"/>
      <c r="G705" s="79"/>
      <c r="H705" s="80"/>
    </row>
    <row r="706" spans="1:8" ht="21" customHeight="1">
      <c r="A706" s="78"/>
      <c r="B706" s="207" t="s">
        <v>29</v>
      </c>
      <c r="C706" s="208"/>
      <c r="D706" s="208" t="s">
        <v>366</v>
      </c>
      <c r="E706" s="208"/>
      <c r="F706" s="208"/>
      <c r="G706" s="208" t="s">
        <v>139</v>
      </c>
      <c r="H706" s="209"/>
    </row>
    <row r="707" spans="1:8" ht="21" customHeight="1">
      <c r="A707" s="78"/>
      <c r="B707" s="105" t="s">
        <v>140</v>
      </c>
      <c r="C707" s="106" t="s">
        <v>141</v>
      </c>
      <c r="D707" s="106" t="s">
        <v>142</v>
      </c>
      <c r="E707" s="106" t="s">
        <v>38</v>
      </c>
      <c r="F707" s="106" t="s">
        <v>143</v>
      </c>
      <c r="G707" s="106" t="s">
        <v>144</v>
      </c>
      <c r="H707" s="107" t="s">
        <v>27</v>
      </c>
    </row>
    <row r="708" spans="1:8" ht="12.95" customHeight="1">
      <c r="A708" s="78" t="s">
        <v>7</v>
      </c>
      <c r="B708" s="108" t="s">
        <v>410</v>
      </c>
      <c r="C708" s="98" t="s">
        <v>411</v>
      </c>
      <c r="D708" s="52" t="s">
        <v>7</v>
      </c>
      <c r="E708" s="113" t="s">
        <v>7</v>
      </c>
      <c r="F708" s="124"/>
      <c r="G708" s="53"/>
      <c r="H708" s="90"/>
    </row>
    <row r="709" spans="1:8" ht="12.95" customHeight="1">
      <c r="A709" s="78" t="s">
        <v>7</v>
      </c>
      <c r="B709" s="108" t="s">
        <v>7</v>
      </c>
      <c r="C709" s="98" t="s">
        <v>7</v>
      </c>
      <c r="D709" s="52" t="s">
        <v>30</v>
      </c>
      <c r="E709" s="113" t="s">
        <v>7</v>
      </c>
      <c r="F709" s="52"/>
      <c r="G709" s="53"/>
      <c r="H709" s="90"/>
    </row>
    <row r="710" spans="1:8" ht="12.95" customHeight="1">
      <c r="A710" s="78" t="s">
        <v>7</v>
      </c>
      <c r="B710" s="109" t="s">
        <v>7</v>
      </c>
      <c r="C710" s="100" t="s">
        <v>7</v>
      </c>
      <c r="D710" s="60" t="s">
        <v>7</v>
      </c>
      <c r="E710" s="112" t="s">
        <v>31</v>
      </c>
      <c r="F710" s="126"/>
      <c r="G710" s="54"/>
      <c r="H710" s="91"/>
    </row>
    <row r="711" spans="1:8" ht="12.95" customHeight="1">
      <c r="A711" s="78" t="s">
        <v>7</v>
      </c>
      <c r="B711" s="108" t="s">
        <v>412</v>
      </c>
      <c r="C711" s="98" t="s">
        <v>413</v>
      </c>
      <c r="D711" s="52" t="s">
        <v>7</v>
      </c>
      <c r="E711" s="113" t="s">
        <v>7</v>
      </c>
      <c r="F711" s="124"/>
      <c r="G711" s="53"/>
      <c r="H711" s="90"/>
    </row>
    <row r="712" spans="1:8" ht="12.95" customHeight="1">
      <c r="A712" s="78" t="s">
        <v>7</v>
      </c>
      <c r="B712" s="108" t="s">
        <v>7</v>
      </c>
      <c r="C712" s="98" t="s">
        <v>7</v>
      </c>
      <c r="D712" s="52" t="s">
        <v>414</v>
      </c>
      <c r="E712" s="113" t="s">
        <v>7</v>
      </c>
      <c r="F712" s="52"/>
      <c r="G712" s="53"/>
      <c r="H712" s="90"/>
    </row>
    <row r="713" spans="1:8" ht="12.95" customHeight="1">
      <c r="A713" s="78" t="s">
        <v>7</v>
      </c>
      <c r="B713" s="109" t="s">
        <v>7</v>
      </c>
      <c r="C713" s="100" t="s">
        <v>7</v>
      </c>
      <c r="D713" s="60" t="s">
        <v>7</v>
      </c>
      <c r="E713" s="112" t="s">
        <v>119</v>
      </c>
      <c r="F713" s="126"/>
      <c r="G713" s="54"/>
      <c r="H713" s="91"/>
    </row>
    <row r="714" spans="1:8" ht="12.95" customHeight="1">
      <c r="A714" s="78" t="s">
        <v>7</v>
      </c>
      <c r="B714" s="108" t="s">
        <v>190</v>
      </c>
      <c r="C714" s="98" t="s">
        <v>7</v>
      </c>
      <c r="D714" s="52" t="s">
        <v>7</v>
      </c>
      <c r="E714" s="113" t="s">
        <v>7</v>
      </c>
      <c r="F714" s="124"/>
      <c r="G714" s="53"/>
      <c r="H714" s="90"/>
    </row>
    <row r="715" spans="1:8" ht="12.95" customHeight="1">
      <c r="A715" s="78" t="s">
        <v>7</v>
      </c>
      <c r="B715" s="108" t="s">
        <v>7</v>
      </c>
      <c r="C715" s="98" t="s">
        <v>7</v>
      </c>
      <c r="D715" s="52" t="s">
        <v>7</v>
      </c>
      <c r="E715" s="113" t="s">
        <v>7</v>
      </c>
      <c r="F715" s="52"/>
      <c r="G715" s="53"/>
      <c r="H715" s="90"/>
    </row>
    <row r="716" spans="1:8" ht="12.95" customHeight="1">
      <c r="A716" s="78" t="s">
        <v>7</v>
      </c>
      <c r="B716" s="109" t="s">
        <v>7</v>
      </c>
      <c r="C716" s="100" t="s">
        <v>7</v>
      </c>
      <c r="D716" s="60" t="s">
        <v>7</v>
      </c>
      <c r="E716" s="112" t="s">
        <v>7</v>
      </c>
      <c r="F716" s="126"/>
      <c r="G716" s="54"/>
      <c r="H716" s="91"/>
    </row>
    <row r="717" spans="1:8" ht="12.95" customHeight="1">
      <c r="A717" s="78" t="s">
        <v>7</v>
      </c>
      <c r="B717" s="108" t="s">
        <v>415</v>
      </c>
      <c r="C717" s="98" t="s">
        <v>7</v>
      </c>
      <c r="D717" s="52" t="s">
        <v>7</v>
      </c>
      <c r="E717" s="113" t="s">
        <v>7</v>
      </c>
      <c r="F717" s="124"/>
      <c r="G717" s="53"/>
      <c r="H717" s="90"/>
    </row>
    <row r="718" spans="1:8" ht="12.95" customHeight="1">
      <c r="A718" s="78" t="s">
        <v>7</v>
      </c>
      <c r="B718" s="108" t="s">
        <v>7</v>
      </c>
      <c r="C718" s="98" t="s">
        <v>7</v>
      </c>
      <c r="D718" s="52" t="s">
        <v>7</v>
      </c>
      <c r="E718" s="113" t="s">
        <v>7</v>
      </c>
      <c r="F718" s="52"/>
      <c r="G718" s="53"/>
      <c r="H718" s="90"/>
    </row>
    <row r="719" spans="1:8" ht="12.95" customHeight="1">
      <c r="A719" s="78" t="s">
        <v>7</v>
      </c>
      <c r="B719" s="109" t="s">
        <v>7</v>
      </c>
      <c r="C719" s="100" t="s">
        <v>7</v>
      </c>
      <c r="D719" s="60" t="s">
        <v>7</v>
      </c>
      <c r="E719" s="112" t="s">
        <v>7</v>
      </c>
      <c r="F719" s="126"/>
      <c r="G719" s="54"/>
      <c r="H719" s="91"/>
    </row>
    <row r="720" spans="1:8" ht="12.95" customHeight="1">
      <c r="A720" s="78" t="s">
        <v>7</v>
      </c>
      <c r="B720" s="108" t="s">
        <v>415</v>
      </c>
      <c r="C720" s="98" t="s">
        <v>416</v>
      </c>
      <c r="D720" s="52" t="s">
        <v>7</v>
      </c>
      <c r="E720" s="113" t="s">
        <v>7</v>
      </c>
      <c r="F720" s="124"/>
      <c r="G720" s="53"/>
      <c r="H720" s="90"/>
    </row>
    <row r="721" spans="1:8" ht="12.95" customHeight="1">
      <c r="A721" s="78" t="s">
        <v>7</v>
      </c>
      <c r="B721" s="108" t="s">
        <v>7</v>
      </c>
      <c r="C721" s="98" t="s">
        <v>417</v>
      </c>
      <c r="D721" s="52" t="s">
        <v>418</v>
      </c>
      <c r="E721" s="113" t="s">
        <v>7</v>
      </c>
      <c r="F721" s="52"/>
      <c r="G721" s="53"/>
      <c r="H721" s="90"/>
    </row>
    <row r="722" spans="1:8" ht="12.95" customHeight="1">
      <c r="A722" s="78" t="s">
        <v>7</v>
      </c>
      <c r="B722" s="109" t="s">
        <v>7</v>
      </c>
      <c r="C722" s="100" t="s">
        <v>419</v>
      </c>
      <c r="D722" s="60" t="s">
        <v>7</v>
      </c>
      <c r="E722" s="112" t="s">
        <v>119</v>
      </c>
      <c r="F722" s="126"/>
      <c r="G722" s="54"/>
      <c r="H722" s="91"/>
    </row>
    <row r="723" spans="1:8" ht="12.95" customHeight="1">
      <c r="A723" s="78" t="s">
        <v>7</v>
      </c>
      <c r="B723" s="108" t="s">
        <v>415</v>
      </c>
      <c r="C723" s="98" t="s">
        <v>416</v>
      </c>
      <c r="D723" s="52" t="s">
        <v>7</v>
      </c>
      <c r="E723" s="113" t="s">
        <v>7</v>
      </c>
      <c r="F723" s="124"/>
      <c r="G723" s="53"/>
      <c r="H723" s="90"/>
    </row>
    <row r="724" spans="1:8" ht="12.95" customHeight="1">
      <c r="A724" s="78" t="s">
        <v>7</v>
      </c>
      <c r="B724" s="108" t="s">
        <v>7</v>
      </c>
      <c r="C724" s="98" t="s">
        <v>420</v>
      </c>
      <c r="D724" s="52" t="s">
        <v>421</v>
      </c>
      <c r="E724" s="113" t="s">
        <v>7</v>
      </c>
      <c r="F724" s="52"/>
      <c r="G724" s="53"/>
      <c r="H724" s="90"/>
    </row>
    <row r="725" spans="1:8" ht="12.95" customHeight="1">
      <c r="A725" s="78" t="s">
        <v>7</v>
      </c>
      <c r="B725" s="109" t="s">
        <v>7</v>
      </c>
      <c r="C725" s="100" t="s">
        <v>422</v>
      </c>
      <c r="D725" s="60" t="s">
        <v>7</v>
      </c>
      <c r="E725" s="112" t="s">
        <v>119</v>
      </c>
      <c r="F725" s="126"/>
      <c r="G725" s="54"/>
      <c r="H725" s="91"/>
    </row>
    <row r="726" spans="1:8" ht="12.95" customHeight="1">
      <c r="A726" s="78" t="s">
        <v>7</v>
      </c>
      <c r="B726" s="108" t="s">
        <v>415</v>
      </c>
      <c r="C726" s="98" t="s">
        <v>423</v>
      </c>
      <c r="D726" s="52" t="s">
        <v>7</v>
      </c>
      <c r="E726" s="113" t="s">
        <v>7</v>
      </c>
      <c r="F726" s="124"/>
      <c r="G726" s="53"/>
      <c r="H726" s="90"/>
    </row>
    <row r="727" spans="1:8" ht="12.95" customHeight="1">
      <c r="A727" s="78" t="s">
        <v>7</v>
      </c>
      <c r="B727" s="108" t="s">
        <v>7</v>
      </c>
      <c r="C727" s="98" t="s">
        <v>424</v>
      </c>
      <c r="D727" s="52" t="s">
        <v>214</v>
      </c>
      <c r="E727" s="113" t="s">
        <v>7</v>
      </c>
      <c r="F727" s="52"/>
      <c r="G727" s="53"/>
      <c r="H727" s="90"/>
    </row>
    <row r="728" spans="1:8" ht="12.95" customHeight="1">
      <c r="A728" s="78" t="s">
        <v>7</v>
      </c>
      <c r="B728" s="109" t="s">
        <v>7</v>
      </c>
      <c r="C728" s="100" t="s">
        <v>419</v>
      </c>
      <c r="D728" s="60" t="s">
        <v>7</v>
      </c>
      <c r="E728" s="112" t="s">
        <v>119</v>
      </c>
      <c r="F728" s="126"/>
      <c r="G728" s="54"/>
      <c r="H728" s="91"/>
    </row>
    <row r="729" spans="1:8" ht="12.95" customHeight="1">
      <c r="A729" s="78" t="s">
        <v>7</v>
      </c>
      <c r="B729" s="108" t="s">
        <v>425</v>
      </c>
      <c r="C729" s="98" t="s">
        <v>426</v>
      </c>
      <c r="D729" s="52" t="s">
        <v>7</v>
      </c>
      <c r="E729" s="113" t="s">
        <v>7</v>
      </c>
      <c r="F729" s="124"/>
      <c r="G729" s="53"/>
      <c r="H729" s="90"/>
    </row>
    <row r="730" spans="1:8" ht="12.95" customHeight="1">
      <c r="A730" s="78" t="s">
        <v>7</v>
      </c>
      <c r="B730" s="108" t="s">
        <v>7</v>
      </c>
      <c r="C730" s="98" t="s">
        <v>7</v>
      </c>
      <c r="D730" s="52" t="s">
        <v>427</v>
      </c>
      <c r="E730" s="113" t="s">
        <v>7</v>
      </c>
      <c r="F730" s="52"/>
      <c r="G730" s="53"/>
      <c r="H730" s="90"/>
    </row>
    <row r="731" spans="1:8" ht="12.95" customHeight="1">
      <c r="A731" s="78" t="s">
        <v>7</v>
      </c>
      <c r="B731" s="109" t="s">
        <v>7</v>
      </c>
      <c r="C731" s="100" t="s">
        <v>7</v>
      </c>
      <c r="D731" s="60" t="s">
        <v>7</v>
      </c>
      <c r="E731" s="112" t="s">
        <v>119</v>
      </c>
      <c r="F731" s="126"/>
      <c r="G731" s="54"/>
      <c r="H731" s="91"/>
    </row>
    <row r="732" spans="1:8" ht="12.95" customHeight="1">
      <c r="A732" s="78" t="s">
        <v>7</v>
      </c>
      <c r="B732" s="108" t="s">
        <v>428</v>
      </c>
      <c r="C732" s="98" t="s">
        <v>429</v>
      </c>
      <c r="D732" s="52" t="s">
        <v>7</v>
      </c>
      <c r="E732" s="113" t="s">
        <v>7</v>
      </c>
      <c r="F732" s="124"/>
      <c r="G732" s="53"/>
      <c r="H732" s="90"/>
    </row>
    <row r="733" spans="1:8" ht="12.95" customHeight="1">
      <c r="A733" s="78" t="s">
        <v>7</v>
      </c>
      <c r="B733" s="108" t="s">
        <v>415</v>
      </c>
      <c r="C733" s="98" t="s">
        <v>7</v>
      </c>
      <c r="D733" s="52" t="s">
        <v>430</v>
      </c>
      <c r="E733" s="113" t="s">
        <v>7</v>
      </c>
      <c r="F733" s="52"/>
      <c r="G733" s="53"/>
      <c r="H733" s="90"/>
    </row>
    <row r="734" spans="1:8" ht="12.95" customHeight="1">
      <c r="A734" s="78" t="s">
        <v>7</v>
      </c>
      <c r="B734" s="109" t="s">
        <v>7</v>
      </c>
      <c r="C734" s="100" t="s">
        <v>7</v>
      </c>
      <c r="D734" s="60" t="s">
        <v>7</v>
      </c>
      <c r="E734" s="112" t="s">
        <v>134</v>
      </c>
      <c r="F734" s="126"/>
      <c r="G734" s="54"/>
      <c r="H734" s="91"/>
    </row>
    <row r="735" spans="1:8" ht="12.95" customHeight="1">
      <c r="A735" s="78" t="s">
        <v>7</v>
      </c>
      <c r="B735" s="108" t="s">
        <v>431</v>
      </c>
      <c r="C735" s="98" t="s">
        <v>432</v>
      </c>
      <c r="D735" s="52" t="s">
        <v>7</v>
      </c>
      <c r="E735" s="113" t="s">
        <v>7</v>
      </c>
      <c r="F735" s="124"/>
      <c r="G735" s="53"/>
      <c r="H735" s="90"/>
    </row>
    <row r="736" spans="1:8" ht="12.95" customHeight="1">
      <c r="A736" s="78" t="s">
        <v>7</v>
      </c>
      <c r="B736" s="108" t="s">
        <v>7</v>
      </c>
      <c r="C736" s="98" t="s">
        <v>7</v>
      </c>
      <c r="D736" s="52" t="s">
        <v>433</v>
      </c>
      <c r="E736" s="113" t="s">
        <v>7</v>
      </c>
      <c r="F736" s="52"/>
      <c r="G736" s="53"/>
      <c r="H736" s="90"/>
    </row>
    <row r="737" spans="1:8" ht="12.95" customHeight="1">
      <c r="A737" s="78" t="s">
        <v>7</v>
      </c>
      <c r="B737" s="109" t="s">
        <v>7</v>
      </c>
      <c r="C737" s="100" t="s">
        <v>7</v>
      </c>
      <c r="D737" s="60" t="s">
        <v>7</v>
      </c>
      <c r="E737" s="112" t="s">
        <v>119</v>
      </c>
      <c r="F737" s="126"/>
      <c r="G737" s="54"/>
      <c r="H737" s="91"/>
    </row>
    <row r="738" spans="1:8" ht="12.95" customHeight="1">
      <c r="A738" s="78" t="s">
        <v>7</v>
      </c>
      <c r="B738" s="108" t="s">
        <v>190</v>
      </c>
      <c r="C738" s="98" t="s">
        <v>7</v>
      </c>
      <c r="D738" s="52" t="s">
        <v>7</v>
      </c>
      <c r="E738" s="113" t="s">
        <v>7</v>
      </c>
      <c r="F738" s="124"/>
      <c r="G738" s="53"/>
      <c r="H738" s="90"/>
    </row>
    <row r="739" spans="1:8" ht="12.95" customHeight="1">
      <c r="A739" s="78" t="s">
        <v>7</v>
      </c>
      <c r="B739" s="108" t="s">
        <v>7</v>
      </c>
      <c r="C739" s="98" t="s">
        <v>7</v>
      </c>
      <c r="D739" s="52" t="s">
        <v>7</v>
      </c>
      <c r="E739" s="113" t="s">
        <v>7</v>
      </c>
      <c r="F739" s="52"/>
      <c r="G739" s="53"/>
      <c r="H739" s="90"/>
    </row>
    <row r="740" spans="1:8" ht="12.95" customHeight="1">
      <c r="A740" s="78" t="s">
        <v>7</v>
      </c>
      <c r="B740" s="109" t="s">
        <v>7</v>
      </c>
      <c r="C740" s="100" t="s">
        <v>7</v>
      </c>
      <c r="D740" s="60" t="s">
        <v>7</v>
      </c>
      <c r="E740" s="112" t="s">
        <v>7</v>
      </c>
      <c r="F740" s="126" t="s">
        <v>7</v>
      </c>
      <c r="G740" s="54" t="s">
        <v>7</v>
      </c>
      <c r="H740" s="91"/>
    </row>
    <row r="741" spans="1:8" ht="12.95" customHeight="1">
      <c r="A741" s="78" t="s">
        <v>7</v>
      </c>
      <c r="B741" s="110" t="s">
        <v>34</v>
      </c>
      <c r="C741" s="98" t="s">
        <v>7</v>
      </c>
      <c r="D741" s="52" t="s">
        <v>7</v>
      </c>
      <c r="E741" s="113" t="s">
        <v>7</v>
      </c>
      <c r="F741" s="52" t="s">
        <v>7</v>
      </c>
      <c r="G741" s="53" t="s">
        <v>7</v>
      </c>
      <c r="H741" s="90"/>
    </row>
    <row r="742" spans="1:8" ht="12.95" customHeight="1">
      <c r="A742" s="78" t="s">
        <v>7</v>
      </c>
      <c r="B742" s="108" t="s">
        <v>7</v>
      </c>
      <c r="C742" s="98" t="s">
        <v>7</v>
      </c>
      <c r="D742" s="52" t="s">
        <v>7</v>
      </c>
      <c r="E742" s="113" t="s">
        <v>7</v>
      </c>
      <c r="F742" s="52" t="s">
        <v>7</v>
      </c>
      <c r="G742" s="53"/>
      <c r="H742" s="90"/>
    </row>
    <row r="743" spans="1:8" ht="12.95" customHeight="1">
      <c r="A743" s="78" t="s">
        <v>7</v>
      </c>
      <c r="B743" s="109" t="s">
        <v>7</v>
      </c>
      <c r="C743" s="100" t="s">
        <v>7</v>
      </c>
      <c r="D743" s="60" t="s">
        <v>7</v>
      </c>
      <c r="E743" s="112" t="s">
        <v>7</v>
      </c>
      <c r="F743" s="60" t="s">
        <v>7</v>
      </c>
      <c r="G743" s="54" t="s">
        <v>7</v>
      </c>
      <c r="H743" s="91" t="s">
        <v>7</v>
      </c>
    </row>
    <row r="744" spans="1:8" ht="12.95" customHeight="1">
      <c r="A744" s="78"/>
      <c r="B744" s="45"/>
      <c r="C744" s="32"/>
      <c r="D744" s="61"/>
      <c r="E744" s="47"/>
      <c r="F744" s="65"/>
      <c r="G744" s="55"/>
      <c r="H744" s="12"/>
    </row>
    <row r="745" spans="1:8" ht="12.95" customHeight="1">
      <c r="A745" s="78"/>
      <c r="B745" s="40"/>
      <c r="C745" s="25"/>
      <c r="D745" s="52"/>
      <c r="E745" s="44"/>
      <c r="F745" s="52"/>
      <c r="G745" s="53"/>
      <c r="H745" s="5"/>
    </row>
    <row r="746" spans="1:8" ht="12.95" customHeight="1">
      <c r="A746" s="78"/>
      <c r="B746" s="42"/>
      <c r="C746" s="28"/>
      <c r="D746" s="60"/>
      <c r="E746" s="43"/>
      <c r="F746" s="60"/>
      <c r="G746" s="54"/>
      <c r="H746" s="8"/>
    </row>
    <row r="747" spans="1:8" ht="12.95" customHeight="1">
      <c r="A747" s="78"/>
      <c r="B747" s="45"/>
      <c r="C747" s="32"/>
      <c r="D747" s="61"/>
      <c r="E747" s="46"/>
      <c r="F747" s="61"/>
      <c r="G747" s="55"/>
      <c r="H747" s="12"/>
    </row>
    <row r="748" spans="1:8" ht="12.95" customHeight="1">
      <c r="A748" s="78"/>
      <c r="B748" s="40"/>
      <c r="C748" s="25"/>
      <c r="D748" s="52"/>
      <c r="E748" s="44"/>
      <c r="F748" s="52"/>
      <c r="G748" s="53"/>
      <c r="H748" s="5"/>
    </row>
    <row r="749" spans="1:8" ht="12.95" customHeight="1">
      <c r="A749" s="78"/>
      <c r="B749" s="42"/>
      <c r="C749" s="28"/>
      <c r="D749" s="60"/>
      <c r="E749" s="43"/>
      <c r="F749" s="60"/>
      <c r="G749" s="54"/>
      <c r="H749" s="8"/>
    </row>
    <row r="750" spans="1:8" ht="12.95" customHeight="1">
      <c r="A750" s="78"/>
      <c r="B750" s="45"/>
      <c r="C750" s="32"/>
      <c r="D750" s="61"/>
      <c r="E750" s="46"/>
      <c r="F750" s="61"/>
      <c r="G750" s="55"/>
      <c r="H750" s="12"/>
    </row>
    <row r="751" spans="1:8" ht="12.95" customHeight="1">
      <c r="A751" s="78"/>
      <c r="B751" s="40"/>
      <c r="C751" s="25"/>
      <c r="D751" s="52"/>
      <c r="E751" s="44"/>
      <c r="F751" s="52"/>
      <c r="G751" s="53"/>
      <c r="H751" s="5"/>
    </row>
    <row r="752" spans="1:8" ht="12.95" customHeight="1">
      <c r="A752" s="78"/>
      <c r="B752" s="42"/>
      <c r="C752" s="28"/>
      <c r="D752" s="60"/>
      <c r="E752" s="43"/>
      <c r="F752" s="60"/>
      <c r="G752" s="54"/>
      <c r="H752" s="8"/>
    </row>
    <row r="753" spans="1:8" ht="12.95" customHeight="1">
      <c r="A753" s="78"/>
      <c r="B753" s="45"/>
      <c r="C753" s="32"/>
      <c r="D753" s="61"/>
      <c r="E753" s="46"/>
      <c r="F753" s="61"/>
      <c r="G753" s="55"/>
      <c r="H753" s="12"/>
    </row>
    <row r="754" spans="1:8" ht="12.95" customHeight="1">
      <c r="A754" s="78"/>
      <c r="B754" s="40"/>
      <c r="C754" s="25"/>
      <c r="D754" s="52"/>
      <c r="E754" s="41"/>
      <c r="F754" s="64"/>
      <c r="G754" s="53"/>
      <c r="H754" s="5"/>
    </row>
    <row r="755" spans="1:8" ht="12.95" customHeight="1">
      <c r="A755" s="78"/>
      <c r="B755" s="42"/>
      <c r="C755" s="28"/>
      <c r="D755" s="60"/>
      <c r="E755" s="43"/>
      <c r="F755" s="60"/>
      <c r="G755" s="54"/>
      <c r="H755" s="8"/>
    </row>
    <row r="756" spans="1:8" ht="12.95" customHeight="1">
      <c r="A756" s="78"/>
      <c r="B756" s="45"/>
      <c r="C756" s="32"/>
      <c r="D756" s="61"/>
      <c r="E756" s="46"/>
      <c r="F756" s="61"/>
      <c r="G756" s="55"/>
      <c r="H756" s="12"/>
    </row>
    <row r="757" spans="1:8" ht="12.95" customHeight="1">
      <c r="A757" s="78"/>
      <c r="B757" s="40"/>
      <c r="C757" s="25"/>
      <c r="D757" s="52"/>
      <c r="E757" s="44"/>
      <c r="F757" s="52"/>
      <c r="G757" s="53"/>
      <c r="H757" s="5"/>
    </row>
    <row r="758" spans="1:8" ht="12.95" customHeight="1">
      <c r="A758" s="78"/>
      <c r="B758" s="42"/>
      <c r="C758" s="28"/>
      <c r="D758" s="60"/>
      <c r="E758" s="43"/>
      <c r="F758" s="60"/>
      <c r="G758" s="54"/>
      <c r="H758" s="8"/>
    </row>
    <row r="759" spans="1:8" ht="12.95" customHeight="1">
      <c r="A759" s="78"/>
      <c r="B759" s="45"/>
      <c r="C759" s="32"/>
      <c r="D759" s="61"/>
      <c r="E759" s="46"/>
      <c r="F759" s="61"/>
      <c r="G759" s="55"/>
      <c r="H759" s="12"/>
    </row>
    <row r="760" spans="1:8" ht="12.95" customHeight="1">
      <c r="A760" s="78"/>
      <c r="B760" s="40"/>
      <c r="C760" s="25"/>
      <c r="D760" s="52"/>
      <c r="E760" s="44"/>
      <c r="F760" s="52"/>
      <c r="G760" s="53"/>
      <c r="H760" s="5"/>
    </row>
    <row r="761" spans="1:8" ht="12.95" customHeight="1">
      <c r="A761" s="78"/>
      <c r="B761" s="42"/>
      <c r="C761" s="28"/>
      <c r="D761" s="60"/>
      <c r="E761" s="43"/>
      <c r="F761" s="60"/>
      <c r="G761" s="54"/>
      <c r="H761" s="8"/>
    </row>
    <row r="762" spans="1:8" ht="12.95" customHeight="1">
      <c r="A762" s="78"/>
      <c r="B762" s="45"/>
      <c r="C762" s="32"/>
      <c r="D762" s="61"/>
      <c r="E762" s="46"/>
      <c r="F762" s="61"/>
      <c r="G762" s="55"/>
      <c r="H762" s="12"/>
    </row>
    <row r="763" spans="1:8" ht="12.95" customHeight="1">
      <c r="A763" s="78"/>
      <c r="B763" s="40"/>
      <c r="C763" s="25"/>
      <c r="D763" s="52"/>
      <c r="E763" s="44"/>
      <c r="F763" s="52"/>
      <c r="G763" s="53"/>
      <c r="H763" s="5"/>
    </row>
    <row r="764" spans="1:8" ht="12.95" customHeight="1">
      <c r="A764" s="78"/>
      <c r="B764" s="42"/>
      <c r="C764" s="28"/>
      <c r="D764" s="60"/>
      <c r="E764" s="48"/>
      <c r="F764" s="66"/>
      <c r="G764" s="54"/>
      <c r="H764" s="8"/>
    </row>
    <row r="765" spans="1:8" ht="12.95" customHeight="1">
      <c r="A765" s="78"/>
      <c r="B765" s="45"/>
      <c r="C765" s="32"/>
      <c r="D765" s="61"/>
      <c r="E765" s="46"/>
      <c r="F765" s="61"/>
      <c r="G765" s="55"/>
      <c r="H765" s="12"/>
    </row>
    <row r="766" spans="1:8" ht="12.95" customHeight="1">
      <c r="A766" s="78"/>
      <c r="B766" s="40"/>
      <c r="C766" s="25"/>
      <c r="D766" s="62"/>
      <c r="E766" s="44"/>
      <c r="F766" s="62"/>
      <c r="G766" s="53"/>
      <c r="H766" s="5"/>
    </row>
    <row r="767" spans="1:8" ht="12.95" customHeight="1">
      <c r="A767" s="78"/>
      <c r="B767" s="50"/>
      <c r="C767" s="38"/>
      <c r="D767" s="63"/>
      <c r="E767" s="51"/>
      <c r="F767" s="63"/>
      <c r="G767" s="57"/>
      <c r="H767" s="18"/>
    </row>
    <row r="768" spans="1:8" ht="0.95" customHeight="1">
      <c r="B768" s="19"/>
      <c r="C768" s="19"/>
      <c r="D768" s="19"/>
      <c r="E768" s="19"/>
      <c r="F768" s="67"/>
      <c r="G768" s="19"/>
      <c r="H768" s="19"/>
    </row>
    <row r="769" spans="1:8" s="1" customFormat="1" ht="18" customHeight="1">
      <c r="B769" s="79" t="s">
        <v>137</v>
      </c>
      <c r="C769" s="79"/>
      <c r="D769" s="79"/>
      <c r="E769" s="79"/>
      <c r="F769" s="79"/>
      <c r="G769" s="79"/>
      <c r="H769" s="80"/>
    </row>
    <row r="770" spans="1:8" ht="21" customHeight="1">
      <c r="A770" s="78"/>
      <c r="B770" s="207" t="s">
        <v>33</v>
      </c>
      <c r="C770" s="208"/>
      <c r="D770" s="208" t="s">
        <v>434</v>
      </c>
      <c r="E770" s="208"/>
      <c r="F770" s="208"/>
      <c r="G770" s="208"/>
      <c r="H770" s="209"/>
    </row>
    <row r="771" spans="1:8" ht="21" customHeight="1">
      <c r="A771" s="78"/>
      <c r="B771" s="105" t="s">
        <v>140</v>
      </c>
      <c r="C771" s="106" t="s">
        <v>141</v>
      </c>
      <c r="D771" s="106" t="s">
        <v>142</v>
      </c>
      <c r="E771" s="106" t="s">
        <v>38</v>
      </c>
      <c r="F771" s="106" t="s">
        <v>143</v>
      </c>
      <c r="G771" s="106" t="s">
        <v>144</v>
      </c>
      <c r="H771" s="107" t="s">
        <v>27</v>
      </c>
    </row>
    <row r="772" spans="1:8" ht="12.95" customHeight="1">
      <c r="A772" s="78" t="s">
        <v>7</v>
      </c>
      <c r="B772" s="108" t="s">
        <v>435</v>
      </c>
      <c r="C772" s="98" t="s">
        <v>7</v>
      </c>
      <c r="D772" s="52" t="s">
        <v>7</v>
      </c>
      <c r="E772" s="113" t="s">
        <v>7</v>
      </c>
      <c r="F772" s="124" t="s">
        <v>7</v>
      </c>
      <c r="G772" s="53"/>
      <c r="H772" s="90"/>
    </row>
    <row r="773" spans="1:8" ht="12.95" customHeight="1">
      <c r="A773" s="78" t="s">
        <v>7</v>
      </c>
      <c r="B773" s="108" t="s">
        <v>7</v>
      </c>
      <c r="C773" s="98" t="s">
        <v>7</v>
      </c>
      <c r="D773" s="52" t="s">
        <v>30</v>
      </c>
      <c r="E773" s="113" t="s">
        <v>7</v>
      </c>
      <c r="F773" s="52" t="s">
        <v>7</v>
      </c>
      <c r="G773" s="53"/>
      <c r="H773" s="90"/>
    </row>
    <row r="774" spans="1:8" ht="12.95" customHeight="1">
      <c r="A774" s="78" t="s">
        <v>7</v>
      </c>
      <c r="B774" s="109" t="s">
        <v>7</v>
      </c>
      <c r="C774" s="100" t="s">
        <v>7</v>
      </c>
      <c r="D774" s="60" t="s">
        <v>7</v>
      </c>
      <c r="E774" s="112" t="s">
        <v>31</v>
      </c>
      <c r="F774" s="126" t="s">
        <v>7</v>
      </c>
      <c r="G774" s="54"/>
      <c r="H774" s="91"/>
    </row>
    <row r="775" spans="1:8" ht="12.95" customHeight="1">
      <c r="A775" s="78" t="s">
        <v>7</v>
      </c>
      <c r="B775" s="108" t="s">
        <v>436</v>
      </c>
      <c r="C775" s="98" t="s">
        <v>7</v>
      </c>
      <c r="D775" s="52" t="s">
        <v>7</v>
      </c>
      <c r="E775" s="113" t="s">
        <v>7</v>
      </c>
      <c r="F775" s="124" t="s">
        <v>7</v>
      </c>
      <c r="G775" s="53"/>
      <c r="H775" s="90"/>
    </row>
    <row r="776" spans="1:8" ht="12.95" customHeight="1">
      <c r="A776" s="78" t="s">
        <v>7</v>
      </c>
      <c r="B776" s="108" t="s">
        <v>7</v>
      </c>
      <c r="C776" s="98" t="s">
        <v>7</v>
      </c>
      <c r="D776" s="52" t="s">
        <v>30</v>
      </c>
      <c r="E776" s="113" t="s">
        <v>7</v>
      </c>
      <c r="F776" s="52" t="s">
        <v>7</v>
      </c>
      <c r="G776" s="53"/>
      <c r="H776" s="90"/>
    </row>
    <row r="777" spans="1:8" ht="12.95" customHeight="1">
      <c r="A777" s="78" t="s">
        <v>7</v>
      </c>
      <c r="B777" s="109" t="s">
        <v>7</v>
      </c>
      <c r="C777" s="100" t="s">
        <v>7</v>
      </c>
      <c r="D777" s="60" t="s">
        <v>7</v>
      </c>
      <c r="E777" s="112" t="s">
        <v>31</v>
      </c>
      <c r="F777" s="126" t="s">
        <v>7</v>
      </c>
      <c r="G777" s="54"/>
      <c r="H777" s="91"/>
    </row>
    <row r="778" spans="1:8" ht="12.95" customHeight="1">
      <c r="A778" s="78" t="s">
        <v>7</v>
      </c>
      <c r="B778" s="108" t="s">
        <v>437</v>
      </c>
      <c r="C778" s="98" t="s">
        <v>7</v>
      </c>
      <c r="D778" s="52" t="s">
        <v>7</v>
      </c>
      <c r="E778" s="113" t="s">
        <v>7</v>
      </c>
      <c r="F778" s="124" t="s">
        <v>7</v>
      </c>
      <c r="G778" s="53"/>
      <c r="H778" s="90"/>
    </row>
    <row r="779" spans="1:8" ht="12.95" customHeight="1">
      <c r="A779" s="78" t="s">
        <v>7</v>
      </c>
      <c r="B779" s="108" t="s">
        <v>7</v>
      </c>
      <c r="C779" s="98" t="s">
        <v>7</v>
      </c>
      <c r="D779" s="52" t="s">
        <v>30</v>
      </c>
      <c r="E779" s="113" t="s">
        <v>7</v>
      </c>
      <c r="F779" s="52" t="s">
        <v>7</v>
      </c>
      <c r="G779" s="53"/>
      <c r="H779" s="90"/>
    </row>
    <row r="780" spans="1:8" ht="12.95" customHeight="1">
      <c r="A780" s="78" t="s">
        <v>7</v>
      </c>
      <c r="B780" s="109" t="s">
        <v>7</v>
      </c>
      <c r="C780" s="100" t="s">
        <v>7</v>
      </c>
      <c r="D780" s="60" t="s">
        <v>7</v>
      </c>
      <c r="E780" s="112" t="s">
        <v>31</v>
      </c>
      <c r="F780" s="126" t="s">
        <v>7</v>
      </c>
      <c r="G780" s="54"/>
      <c r="H780" s="91"/>
    </row>
    <row r="781" spans="1:8" ht="12.95" customHeight="1">
      <c r="A781" s="78" t="s">
        <v>7</v>
      </c>
      <c r="B781" s="108" t="s">
        <v>438</v>
      </c>
      <c r="C781" s="98" t="s">
        <v>7</v>
      </c>
      <c r="D781" s="52" t="s">
        <v>7</v>
      </c>
      <c r="E781" s="113" t="s">
        <v>7</v>
      </c>
      <c r="F781" s="124" t="s">
        <v>7</v>
      </c>
      <c r="G781" s="53"/>
      <c r="H781" s="90"/>
    </row>
    <row r="782" spans="1:8" ht="12.95" customHeight="1">
      <c r="A782" s="78" t="s">
        <v>7</v>
      </c>
      <c r="B782" s="108" t="s">
        <v>7</v>
      </c>
      <c r="C782" s="98" t="s">
        <v>7</v>
      </c>
      <c r="D782" s="52" t="s">
        <v>30</v>
      </c>
      <c r="E782" s="113" t="s">
        <v>7</v>
      </c>
      <c r="F782" s="52" t="s">
        <v>7</v>
      </c>
      <c r="G782" s="53"/>
      <c r="H782" s="90"/>
    </row>
    <row r="783" spans="1:8" ht="12.95" customHeight="1">
      <c r="A783" s="78" t="s">
        <v>7</v>
      </c>
      <c r="B783" s="109" t="s">
        <v>7</v>
      </c>
      <c r="C783" s="100" t="s">
        <v>7</v>
      </c>
      <c r="D783" s="60" t="s">
        <v>7</v>
      </c>
      <c r="E783" s="112" t="s">
        <v>31</v>
      </c>
      <c r="F783" s="126" t="s">
        <v>7</v>
      </c>
      <c r="G783" s="54"/>
      <c r="H783" s="91"/>
    </row>
    <row r="784" spans="1:8" ht="12.95" customHeight="1">
      <c r="A784" s="78" t="s">
        <v>7</v>
      </c>
      <c r="B784" s="110" t="s">
        <v>34</v>
      </c>
      <c r="C784" s="98" t="s">
        <v>7</v>
      </c>
      <c r="D784" s="52" t="s">
        <v>7</v>
      </c>
      <c r="E784" s="113" t="s">
        <v>7</v>
      </c>
      <c r="F784" s="52" t="s">
        <v>7</v>
      </c>
      <c r="G784" s="53"/>
      <c r="H784" s="90"/>
    </row>
    <row r="785" spans="1:8" ht="12.95" customHeight="1">
      <c r="A785" s="78" t="s">
        <v>7</v>
      </c>
      <c r="B785" s="108" t="s">
        <v>7</v>
      </c>
      <c r="C785" s="98" t="s">
        <v>7</v>
      </c>
      <c r="D785" s="52" t="s">
        <v>7</v>
      </c>
      <c r="E785" s="113" t="s">
        <v>7</v>
      </c>
      <c r="F785" s="52" t="s">
        <v>7</v>
      </c>
      <c r="G785" s="53"/>
      <c r="H785" s="90"/>
    </row>
    <row r="786" spans="1:8" ht="12.95" customHeight="1">
      <c r="A786" s="78" t="s">
        <v>7</v>
      </c>
      <c r="B786" s="109" t="s">
        <v>7</v>
      </c>
      <c r="C786" s="100" t="s">
        <v>7</v>
      </c>
      <c r="D786" s="60" t="s">
        <v>7</v>
      </c>
      <c r="E786" s="112" t="s">
        <v>7</v>
      </c>
      <c r="F786" s="60" t="s">
        <v>7</v>
      </c>
      <c r="G786" s="54"/>
      <c r="H786" s="91" t="s">
        <v>7</v>
      </c>
    </row>
    <row r="787" spans="1:8" ht="12.95" customHeight="1">
      <c r="A787" s="78"/>
      <c r="B787" s="45"/>
      <c r="C787" s="32"/>
      <c r="D787" s="61"/>
      <c r="E787" s="46"/>
      <c r="F787" s="61"/>
      <c r="G787" s="55"/>
      <c r="H787" s="12"/>
    </row>
    <row r="788" spans="1:8" ht="12.95" customHeight="1">
      <c r="A788" s="78"/>
      <c r="B788" s="40"/>
      <c r="C788" s="25"/>
      <c r="D788" s="52"/>
      <c r="E788" s="44"/>
      <c r="F788" s="52"/>
      <c r="G788" s="53"/>
      <c r="H788" s="5"/>
    </row>
    <row r="789" spans="1:8" ht="12.95" customHeight="1">
      <c r="A789" s="78"/>
      <c r="B789" s="42"/>
      <c r="C789" s="28"/>
      <c r="D789" s="60"/>
      <c r="E789" s="43"/>
      <c r="F789" s="60"/>
      <c r="G789" s="54"/>
      <c r="H789" s="8"/>
    </row>
    <row r="790" spans="1:8" ht="12.95" customHeight="1">
      <c r="A790" s="78"/>
      <c r="B790" s="45"/>
      <c r="C790" s="32"/>
      <c r="D790" s="61"/>
      <c r="E790" s="46"/>
      <c r="F790" s="61"/>
      <c r="G790" s="55"/>
      <c r="H790" s="12"/>
    </row>
    <row r="791" spans="1:8" ht="12.95" customHeight="1">
      <c r="A791" s="78"/>
      <c r="B791" s="40"/>
      <c r="C791" s="25"/>
      <c r="D791" s="52"/>
      <c r="E791" s="44"/>
      <c r="F791" s="52"/>
      <c r="G791" s="53"/>
      <c r="H791" s="5"/>
    </row>
    <row r="792" spans="1:8" ht="12.95" customHeight="1">
      <c r="A792" s="78"/>
      <c r="B792" s="42"/>
      <c r="C792" s="28"/>
      <c r="D792" s="60"/>
      <c r="E792" s="43"/>
      <c r="F792" s="60"/>
      <c r="G792" s="54"/>
      <c r="H792" s="8"/>
    </row>
    <row r="793" spans="1:8" ht="12.95" customHeight="1">
      <c r="A793" s="78"/>
      <c r="B793" s="45"/>
      <c r="C793" s="32"/>
      <c r="D793" s="61"/>
      <c r="E793" s="46"/>
      <c r="F793" s="61"/>
      <c r="G793" s="55"/>
      <c r="H793" s="12"/>
    </row>
    <row r="794" spans="1:8" ht="12.95" customHeight="1">
      <c r="A794" s="78"/>
      <c r="B794" s="40"/>
      <c r="C794" s="25"/>
      <c r="D794" s="52"/>
      <c r="E794" s="44"/>
      <c r="F794" s="52"/>
      <c r="G794" s="53"/>
      <c r="H794" s="5"/>
    </row>
    <row r="795" spans="1:8" ht="12.95" customHeight="1">
      <c r="A795" s="78"/>
      <c r="B795" s="42"/>
      <c r="C795" s="28"/>
      <c r="D795" s="60"/>
      <c r="E795" s="43"/>
      <c r="F795" s="60"/>
      <c r="G795" s="54"/>
      <c r="H795" s="8"/>
    </row>
    <row r="796" spans="1:8" ht="12.95" customHeight="1">
      <c r="A796" s="78"/>
      <c r="B796" s="45"/>
      <c r="C796" s="32"/>
      <c r="D796" s="61"/>
      <c r="E796" s="46"/>
      <c r="F796" s="61"/>
      <c r="G796" s="55"/>
      <c r="H796" s="12"/>
    </row>
    <row r="797" spans="1:8" ht="12.95" customHeight="1">
      <c r="A797" s="78"/>
      <c r="B797" s="40"/>
      <c r="C797" s="25"/>
      <c r="D797" s="52"/>
      <c r="E797" s="44"/>
      <c r="F797" s="52"/>
      <c r="G797" s="53"/>
      <c r="H797" s="5"/>
    </row>
    <row r="798" spans="1:8" ht="12.95" customHeight="1">
      <c r="A798" s="78"/>
      <c r="B798" s="42"/>
      <c r="C798" s="28"/>
      <c r="D798" s="60"/>
      <c r="E798" s="43"/>
      <c r="F798" s="60"/>
      <c r="G798" s="54"/>
      <c r="H798" s="8"/>
    </row>
    <row r="799" spans="1:8" ht="12.95" customHeight="1">
      <c r="A799" s="78"/>
      <c r="B799" s="45"/>
      <c r="C799" s="32"/>
      <c r="D799" s="61"/>
      <c r="E799" s="46"/>
      <c r="F799" s="61"/>
      <c r="G799" s="55"/>
      <c r="H799" s="12"/>
    </row>
    <row r="800" spans="1:8" ht="12.95" customHeight="1">
      <c r="A800" s="78"/>
      <c r="B800" s="40"/>
      <c r="C800" s="25"/>
      <c r="D800" s="52"/>
      <c r="E800" s="44"/>
      <c r="F800" s="52"/>
      <c r="G800" s="53"/>
      <c r="H800" s="5"/>
    </row>
    <row r="801" spans="1:8" ht="12.95" customHeight="1">
      <c r="A801" s="78"/>
      <c r="B801" s="42"/>
      <c r="C801" s="28"/>
      <c r="D801" s="60"/>
      <c r="E801" s="43"/>
      <c r="F801" s="60"/>
      <c r="G801" s="54"/>
      <c r="H801" s="8"/>
    </row>
    <row r="802" spans="1:8" ht="12.95" customHeight="1">
      <c r="A802" s="78"/>
      <c r="B802" s="45"/>
      <c r="C802" s="32"/>
      <c r="D802" s="61"/>
      <c r="E802" s="46"/>
      <c r="F802" s="61"/>
      <c r="G802" s="55"/>
      <c r="H802" s="12"/>
    </row>
    <row r="803" spans="1:8" ht="12.95" customHeight="1">
      <c r="A803" s="78"/>
      <c r="B803" s="40"/>
      <c r="C803" s="25"/>
      <c r="D803" s="52"/>
      <c r="E803" s="44"/>
      <c r="F803" s="52"/>
      <c r="G803" s="53"/>
      <c r="H803" s="5"/>
    </row>
    <row r="804" spans="1:8" ht="12.95" customHeight="1">
      <c r="A804" s="78"/>
      <c r="B804" s="42"/>
      <c r="C804" s="28"/>
      <c r="D804" s="60"/>
      <c r="E804" s="43"/>
      <c r="F804" s="60"/>
      <c r="G804" s="54"/>
      <c r="H804" s="8"/>
    </row>
    <row r="805" spans="1:8" ht="12.95" customHeight="1">
      <c r="A805" s="78"/>
      <c r="B805" s="45"/>
      <c r="C805" s="32"/>
      <c r="D805" s="61"/>
      <c r="E805" s="46"/>
      <c r="F805" s="61"/>
      <c r="G805" s="55"/>
      <c r="H805" s="12"/>
    </row>
    <row r="806" spans="1:8" ht="12.95" customHeight="1">
      <c r="A806" s="78"/>
      <c r="B806" s="40"/>
      <c r="C806" s="25"/>
      <c r="D806" s="52"/>
      <c r="E806" s="44"/>
      <c r="F806" s="52"/>
      <c r="G806" s="53"/>
      <c r="H806" s="5"/>
    </row>
    <row r="807" spans="1:8" ht="12.95" customHeight="1">
      <c r="A807" s="78"/>
      <c r="B807" s="42"/>
      <c r="C807" s="28"/>
      <c r="D807" s="60"/>
      <c r="E807" s="43"/>
      <c r="F807" s="60"/>
      <c r="G807" s="54"/>
      <c r="H807" s="8"/>
    </row>
    <row r="808" spans="1:8" ht="12.95" customHeight="1">
      <c r="A808" s="78"/>
      <c r="B808" s="45"/>
      <c r="C808" s="32"/>
      <c r="D808" s="61"/>
      <c r="E808" s="47"/>
      <c r="F808" s="65"/>
      <c r="G808" s="55"/>
      <c r="H808" s="12"/>
    </row>
    <row r="809" spans="1:8" ht="12.95" customHeight="1">
      <c r="A809" s="78"/>
      <c r="B809" s="40"/>
      <c r="C809" s="25"/>
      <c r="D809" s="52"/>
      <c r="E809" s="44"/>
      <c r="F809" s="52"/>
      <c r="G809" s="53"/>
      <c r="H809" s="5"/>
    </row>
    <row r="810" spans="1:8" ht="12.95" customHeight="1">
      <c r="A810" s="78"/>
      <c r="B810" s="42"/>
      <c r="C810" s="28"/>
      <c r="D810" s="60"/>
      <c r="E810" s="43"/>
      <c r="F810" s="60"/>
      <c r="G810" s="54"/>
      <c r="H810" s="8"/>
    </row>
    <row r="811" spans="1:8" ht="12.95" customHeight="1">
      <c r="A811" s="78"/>
      <c r="B811" s="45"/>
      <c r="C811" s="32"/>
      <c r="D811" s="61"/>
      <c r="E811" s="46"/>
      <c r="F811" s="61"/>
      <c r="G811" s="55"/>
      <c r="H811" s="12"/>
    </row>
    <row r="812" spans="1:8" ht="12.95" customHeight="1">
      <c r="A812" s="78"/>
      <c r="B812" s="40"/>
      <c r="C812" s="25"/>
      <c r="D812" s="52"/>
      <c r="E812" s="44"/>
      <c r="F812" s="52"/>
      <c r="G812" s="53"/>
      <c r="H812" s="5"/>
    </row>
    <row r="813" spans="1:8" ht="12.95" customHeight="1">
      <c r="A813" s="78"/>
      <c r="B813" s="42"/>
      <c r="C813" s="28"/>
      <c r="D813" s="60"/>
      <c r="E813" s="43"/>
      <c r="F813" s="60"/>
      <c r="G813" s="54"/>
      <c r="H813" s="8"/>
    </row>
    <row r="814" spans="1:8" ht="12.95" customHeight="1">
      <c r="A814" s="78"/>
      <c r="B814" s="45"/>
      <c r="C814" s="32"/>
      <c r="D814" s="61"/>
      <c r="E814" s="46"/>
      <c r="F814" s="61"/>
      <c r="G814" s="55"/>
      <c r="H814" s="12"/>
    </row>
    <row r="815" spans="1:8" ht="12.95" customHeight="1">
      <c r="A815" s="78"/>
      <c r="B815" s="40"/>
      <c r="C815" s="25"/>
      <c r="D815" s="52"/>
      <c r="E815" s="44"/>
      <c r="F815" s="52"/>
      <c r="G815" s="53"/>
      <c r="H815" s="5"/>
    </row>
    <row r="816" spans="1:8" ht="12.95" customHeight="1">
      <c r="A816" s="78"/>
      <c r="B816" s="42"/>
      <c r="C816" s="28"/>
      <c r="D816" s="60"/>
      <c r="E816" s="43"/>
      <c r="F816" s="60"/>
      <c r="G816" s="54"/>
      <c r="H816" s="8"/>
    </row>
    <row r="817" spans="1:8" ht="12.95" customHeight="1">
      <c r="A817" s="78"/>
      <c r="B817" s="45"/>
      <c r="C817" s="32"/>
      <c r="D817" s="61"/>
      <c r="E817" s="46"/>
      <c r="F817" s="61"/>
      <c r="G817" s="55"/>
      <c r="H817" s="12"/>
    </row>
    <row r="818" spans="1:8" ht="12.95" customHeight="1">
      <c r="A818" s="78"/>
      <c r="B818" s="40"/>
      <c r="C818" s="25"/>
      <c r="D818" s="52"/>
      <c r="E818" s="41"/>
      <c r="F818" s="64"/>
      <c r="G818" s="53"/>
      <c r="H818" s="5"/>
    </row>
    <row r="819" spans="1:8" ht="12.95" customHeight="1">
      <c r="A819" s="78"/>
      <c r="B819" s="42"/>
      <c r="C819" s="28"/>
      <c r="D819" s="60"/>
      <c r="E819" s="43"/>
      <c r="F819" s="60"/>
      <c r="G819" s="54"/>
      <c r="H819" s="8"/>
    </row>
    <row r="820" spans="1:8" ht="12.95" customHeight="1">
      <c r="A820" s="78"/>
      <c r="B820" s="45"/>
      <c r="C820" s="32"/>
      <c r="D820" s="61"/>
      <c r="E820" s="46"/>
      <c r="F820" s="61"/>
      <c r="G820" s="55"/>
      <c r="H820" s="12"/>
    </row>
    <row r="821" spans="1:8" ht="12.95" customHeight="1">
      <c r="A821" s="78"/>
      <c r="B821" s="40"/>
      <c r="C821" s="25"/>
      <c r="D821" s="52"/>
      <c r="E821" s="44"/>
      <c r="F821" s="52"/>
      <c r="G821" s="53"/>
      <c r="H821" s="5"/>
    </row>
    <row r="822" spans="1:8" ht="12.95" customHeight="1">
      <c r="A822" s="78"/>
      <c r="B822" s="42"/>
      <c r="C822" s="28"/>
      <c r="D822" s="60"/>
      <c r="E822" s="43"/>
      <c r="F822" s="60"/>
      <c r="G822" s="54"/>
      <c r="H822" s="8"/>
    </row>
    <row r="823" spans="1:8" ht="12.95" customHeight="1">
      <c r="A823" s="78"/>
      <c r="B823" s="45"/>
      <c r="C823" s="32"/>
      <c r="D823" s="61"/>
      <c r="E823" s="46"/>
      <c r="F823" s="61"/>
      <c r="G823" s="55"/>
      <c r="H823" s="12"/>
    </row>
    <row r="824" spans="1:8" ht="12.95" customHeight="1">
      <c r="A824" s="78"/>
      <c r="B824" s="40"/>
      <c r="C824" s="25"/>
      <c r="D824" s="52"/>
      <c r="E824" s="44"/>
      <c r="F824" s="52"/>
      <c r="G824" s="53"/>
      <c r="H824" s="5"/>
    </row>
    <row r="825" spans="1:8" ht="12.95" customHeight="1">
      <c r="A825" s="78"/>
      <c r="B825" s="42"/>
      <c r="C825" s="28"/>
      <c r="D825" s="60"/>
      <c r="E825" s="43"/>
      <c r="F825" s="60"/>
      <c r="G825" s="54"/>
      <c r="H825" s="8"/>
    </row>
    <row r="826" spans="1:8" ht="12.95" customHeight="1">
      <c r="A826" s="78"/>
      <c r="B826" s="45"/>
      <c r="C826" s="32"/>
      <c r="D826" s="61"/>
      <c r="E826" s="46"/>
      <c r="F826" s="61"/>
      <c r="G826" s="55"/>
      <c r="H826" s="12"/>
    </row>
    <row r="827" spans="1:8" ht="12.95" customHeight="1">
      <c r="A827" s="78"/>
      <c r="B827" s="40"/>
      <c r="C827" s="25"/>
      <c r="D827" s="52"/>
      <c r="E827" s="44"/>
      <c r="F827" s="52"/>
      <c r="G827" s="53"/>
      <c r="H827" s="5"/>
    </row>
    <row r="828" spans="1:8" ht="12.95" customHeight="1">
      <c r="A828" s="78"/>
      <c r="B828" s="42"/>
      <c r="C828" s="28"/>
      <c r="D828" s="60"/>
      <c r="E828" s="48"/>
      <c r="F828" s="66"/>
      <c r="G828" s="54"/>
      <c r="H828" s="8"/>
    </row>
    <row r="829" spans="1:8" ht="12.95" customHeight="1">
      <c r="A829" s="78"/>
      <c r="B829" s="45"/>
      <c r="C829" s="32"/>
      <c r="D829" s="61"/>
      <c r="E829" s="46"/>
      <c r="F829" s="61"/>
      <c r="G829" s="55"/>
      <c r="H829" s="12"/>
    </row>
    <row r="830" spans="1:8" ht="12.95" customHeight="1">
      <c r="A830" s="78"/>
      <c r="B830" s="40"/>
      <c r="C830" s="25"/>
      <c r="D830" s="62"/>
      <c r="E830" s="44"/>
      <c r="F830" s="62"/>
      <c r="G830" s="53"/>
      <c r="H830" s="5"/>
    </row>
    <row r="831" spans="1:8" ht="12.95" customHeight="1">
      <c r="A831" s="78"/>
      <c r="B831" s="50"/>
      <c r="C831" s="38"/>
      <c r="D831" s="63"/>
      <c r="E831" s="51"/>
      <c r="F831" s="63"/>
      <c r="G831" s="57"/>
      <c r="H831" s="18"/>
    </row>
    <row r="832" spans="1:8" ht="0.95" customHeight="1">
      <c r="B832" s="19"/>
      <c r="C832" s="19"/>
      <c r="D832" s="19"/>
      <c r="E832" s="19"/>
      <c r="F832" s="67"/>
      <c r="G832" s="19"/>
      <c r="H832" s="19"/>
    </row>
    <row r="833" spans="1:8" s="1" customFormat="1" ht="18" customHeight="1">
      <c r="B833" s="79" t="s">
        <v>137</v>
      </c>
      <c r="C833" s="79"/>
      <c r="D833" s="79"/>
      <c r="E833" s="79"/>
      <c r="F833" s="79"/>
      <c r="G833" s="79"/>
      <c r="H833" s="80"/>
    </row>
    <row r="834" spans="1:8" ht="21" customHeight="1">
      <c r="A834" s="78"/>
      <c r="B834" s="207" t="s">
        <v>33</v>
      </c>
      <c r="C834" s="208"/>
      <c r="D834" s="208" t="s">
        <v>439</v>
      </c>
      <c r="E834" s="208"/>
      <c r="F834" s="208"/>
      <c r="G834" s="208" t="s">
        <v>177</v>
      </c>
      <c r="H834" s="209"/>
    </row>
    <row r="835" spans="1:8" ht="21" customHeight="1">
      <c r="A835" s="78"/>
      <c r="B835" s="105" t="s">
        <v>140</v>
      </c>
      <c r="C835" s="106" t="s">
        <v>141</v>
      </c>
      <c r="D835" s="106" t="s">
        <v>142</v>
      </c>
      <c r="E835" s="106" t="s">
        <v>38</v>
      </c>
      <c r="F835" s="106" t="s">
        <v>143</v>
      </c>
      <c r="G835" s="106" t="s">
        <v>144</v>
      </c>
      <c r="H835" s="107" t="s">
        <v>27</v>
      </c>
    </row>
    <row r="836" spans="1:8" ht="12.95" customHeight="1">
      <c r="A836" s="78" t="s">
        <v>7</v>
      </c>
      <c r="B836" s="108" t="s">
        <v>440</v>
      </c>
      <c r="C836" s="98" t="s">
        <v>7</v>
      </c>
      <c r="D836" s="52" t="s">
        <v>7</v>
      </c>
      <c r="E836" s="113" t="s">
        <v>7</v>
      </c>
      <c r="F836" s="124" t="s">
        <v>7</v>
      </c>
      <c r="G836" s="53" t="s">
        <v>7</v>
      </c>
      <c r="H836" s="90"/>
    </row>
    <row r="837" spans="1:8" ht="12.95" customHeight="1">
      <c r="A837" s="78" t="s">
        <v>7</v>
      </c>
      <c r="B837" s="108" t="s">
        <v>7</v>
      </c>
      <c r="C837" s="98" t="s">
        <v>7</v>
      </c>
      <c r="D837" s="52" t="s">
        <v>7</v>
      </c>
      <c r="E837" s="113" t="s">
        <v>7</v>
      </c>
      <c r="F837" s="52" t="s">
        <v>7</v>
      </c>
      <c r="G837" s="53" t="s">
        <v>7</v>
      </c>
      <c r="H837" s="90"/>
    </row>
    <row r="838" spans="1:8" ht="12.95" customHeight="1">
      <c r="A838" s="78" t="s">
        <v>7</v>
      </c>
      <c r="B838" s="109" t="s">
        <v>7</v>
      </c>
      <c r="C838" s="100" t="s">
        <v>7</v>
      </c>
      <c r="D838" s="60" t="s">
        <v>7</v>
      </c>
      <c r="E838" s="112" t="s">
        <v>7</v>
      </c>
      <c r="F838" s="126" t="s">
        <v>7</v>
      </c>
      <c r="G838" s="54" t="s">
        <v>7</v>
      </c>
      <c r="H838" s="91"/>
    </row>
    <row r="839" spans="1:8" ht="12.95" customHeight="1">
      <c r="A839" s="78" t="s">
        <v>7</v>
      </c>
      <c r="B839" s="108" t="s">
        <v>441</v>
      </c>
      <c r="C839" s="98" t="s">
        <v>7</v>
      </c>
      <c r="D839" s="52" t="s">
        <v>7</v>
      </c>
      <c r="E839" s="113" t="s">
        <v>7</v>
      </c>
      <c r="F839" s="124"/>
      <c r="G839" s="53"/>
      <c r="H839" s="90"/>
    </row>
    <row r="840" spans="1:8" ht="12.95" customHeight="1">
      <c r="A840" s="78" t="s">
        <v>7</v>
      </c>
      <c r="B840" s="108" t="s">
        <v>7</v>
      </c>
      <c r="C840" s="98" t="s">
        <v>7</v>
      </c>
      <c r="D840" s="52" t="s">
        <v>442</v>
      </c>
      <c r="E840" s="113" t="s">
        <v>7</v>
      </c>
      <c r="F840" s="52"/>
      <c r="G840" s="53"/>
      <c r="H840" s="90"/>
    </row>
    <row r="841" spans="1:8" ht="12.95" customHeight="1">
      <c r="A841" s="78" t="s">
        <v>7</v>
      </c>
      <c r="B841" s="109" t="s">
        <v>7</v>
      </c>
      <c r="C841" s="100" t="s">
        <v>7</v>
      </c>
      <c r="D841" s="60" t="s">
        <v>7</v>
      </c>
      <c r="E841" s="112" t="s">
        <v>130</v>
      </c>
      <c r="F841" s="126"/>
      <c r="G841" s="54"/>
      <c r="H841" s="91"/>
    </row>
    <row r="842" spans="1:8" ht="12.95" customHeight="1">
      <c r="A842" s="78" t="s">
        <v>7</v>
      </c>
      <c r="B842" s="108" t="s">
        <v>131</v>
      </c>
      <c r="C842" s="98" t="s">
        <v>132</v>
      </c>
      <c r="D842" s="52" t="s">
        <v>7</v>
      </c>
      <c r="E842" s="113" t="s">
        <v>7</v>
      </c>
      <c r="F842" s="124"/>
      <c r="G842" s="53"/>
      <c r="H842" s="90"/>
    </row>
    <row r="843" spans="1:8" ht="12.95" customHeight="1">
      <c r="A843" s="78" t="s">
        <v>7</v>
      </c>
      <c r="B843" s="108" t="s">
        <v>7</v>
      </c>
      <c r="C843" s="98" t="s">
        <v>7</v>
      </c>
      <c r="D843" s="52" t="s">
        <v>443</v>
      </c>
      <c r="E843" s="113" t="s">
        <v>7</v>
      </c>
      <c r="F843" s="52"/>
      <c r="G843" s="53"/>
      <c r="H843" s="90"/>
    </row>
    <row r="844" spans="1:8" ht="12.95" customHeight="1">
      <c r="A844" s="78" t="s">
        <v>7</v>
      </c>
      <c r="B844" s="109" t="s">
        <v>7</v>
      </c>
      <c r="C844" s="100" t="s">
        <v>7</v>
      </c>
      <c r="D844" s="60" t="s">
        <v>7</v>
      </c>
      <c r="E844" s="112" t="s">
        <v>134</v>
      </c>
      <c r="F844" s="126"/>
      <c r="G844" s="54"/>
      <c r="H844" s="91"/>
    </row>
    <row r="845" spans="1:8" ht="12.95" customHeight="1">
      <c r="A845" s="78" t="s">
        <v>7</v>
      </c>
      <c r="B845" s="108" t="s">
        <v>190</v>
      </c>
      <c r="C845" s="98" t="s">
        <v>7</v>
      </c>
      <c r="D845" s="52" t="s">
        <v>7</v>
      </c>
      <c r="E845" s="113" t="s">
        <v>7</v>
      </c>
      <c r="F845" s="124"/>
      <c r="G845" s="53"/>
      <c r="H845" s="90"/>
    </row>
    <row r="846" spans="1:8" ht="12.95" customHeight="1">
      <c r="A846" s="78" t="s">
        <v>7</v>
      </c>
      <c r="B846" s="108" t="s">
        <v>7</v>
      </c>
      <c r="C846" s="98" t="s">
        <v>7</v>
      </c>
      <c r="D846" s="52" t="s">
        <v>7</v>
      </c>
      <c r="E846" s="113" t="s">
        <v>7</v>
      </c>
      <c r="F846" s="52"/>
      <c r="G846" s="53"/>
      <c r="H846" s="90"/>
    </row>
    <row r="847" spans="1:8" ht="12.95" customHeight="1">
      <c r="A847" s="78" t="s">
        <v>7</v>
      </c>
      <c r="B847" s="109" t="s">
        <v>7</v>
      </c>
      <c r="C847" s="100" t="s">
        <v>7</v>
      </c>
      <c r="D847" s="60" t="s">
        <v>7</v>
      </c>
      <c r="E847" s="112" t="s">
        <v>7</v>
      </c>
      <c r="F847" s="126"/>
      <c r="G847" s="54"/>
      <c r="H847" s="91"/>
    </row>
    <row r="848" spans="1:8" ht="12.95" customHeight="1">
      <c r="A848" s="78" t="s">
        <v>7</v>
      </c>
      <c r="B848" s="110" t="s">
        <v>34</v>
      </c>
      <c r="C848" s="98" t="s">
        <v>7</v>
      </c>
      <c r="D848" s="52" t="s">
        <v>7</v>
      </c>
      <c r="E848" s="113" t="s">
        <v>7</v>
      </c>
      <c r="F848" s="52"/>
      <c r="G848" s="53"/>
      <c r="H848" s="90"/>
    </row>
    <row r="849" spans="1:8" ht="12.95" customHeight="1">
      <c r="A849" s="78" t="s">
        <v>7</v>
      </c>
      <c r="B849" s="108" t="s">
        <v>7</v>
      </c>
      <c r="C849" s="98" t="s">
        <v>7</v>
      </c>
      <c r="D849" s="52" t="s">
        <v>7</v>
      </c>
      <c r="E849" s="113" t="s">
        <v>7</v>
      </c>
      <c r="F849" s="52"/>
      <c r="G849" s="53"/>
      <c r="H849" s="90"/>
    </row>
    <row r="850" spans="1:8" ht="12.95" customHeight="1">
      <c r="A850" s="78" t="s">
        <v>7</v>
      </c>
      <c r="B850" s="109" t="s">
        <v>7</v>
      </c>
      <c r="C850" s="100" t="s">
        <v>7</v>
      </c>
      <c r="D850" s="60" t="s">
        <v>7</v>
      </c>
      <c r="E850" s="112" t="s">
        <v>7</v>
      </c>
      <c r="F850" s="60"/>
      <c r="G850" s="54"/>
      <c r="H850" s="91" t="s">
        <v>7</v>
      </c>
    </row>
    <row r="851" spans="1:8" ht="12.95" customHeight="1">
      <c r="A851" s="78"/>
      <c r="B851" s="45"/>
      <c r="C851" s="32"/>
      <c r="D851" s="61"/>
      <c r="E851" s="46"/>
      <c r="F851" s="61"/>
      <c r="G851" s="55"/>
      <c r="H851" s="12"/>
    </row>
    <row r="852" spans="1:8" ht="12.95" customHeight="1">
      <c r="A852" s="78"/>
      <c r="B852" s="40"/>
      <c r="C852" s="25"/>
      <c r="D852" s="52"/>
      <c r="E852" s="44"/>
      <c r="F852" s="52"/>
      <c r="G852" s="53"/>
      <c r="H852" s="5"/>
    </row>
    <row r="853" spans="1:8" ht="12.95" customHeight="1">
      <c r="A853" s="78"/>
      <c r="B853" s="42"/>
      <c r="C853" s="28"/>
      <c r="D853" s="60"/>
      <c r="E853" s="43"/>
      <c r="F853" s="60"/>
      <c r="G853" s="54"/>
      <c r="H853" s="8"/>
    </row>
    <row r="854" spans="1:8" ht="12.95" customHeight="1">
      <c r="A854" s="78"/>
      <c r="B854" s="45"/>
      <c r="C854" s="32"/>
      <c r="D854" s="61"/>
      <c r="E854" s="46"/>
      <c r="F854" s="61"/>
      <c r="G854" s="55"/>
      <c r="H854" s="12"/>
    </row>
    <row r="855" spans="1:8" ht="12.95" customHeight="1">
      <c r="A855" s="78"/>
      <c r="B855" s="40"/>
      <c r="C855" s="25"/>
      <c r="D855" s="52"/>
      <c r="E855" s="44"/>
      <c r="F855" s="52"/>
      <c r="G855" s="53"/>
      <c r="H855" s="5"/>
    </row>
    <row r="856" spans="1:8" ht="12.95" customHeight="1">
      <c r="A856" s="78"/>
      <c r="B856" s="42"/>
      <c r="C856" s="28"/>
      <c r="D856" s="60"/>
      <c r="E856" s="43"/>
      <c r="F856" s="60"/>
      <c r="G856" s="54"/>
      <c r="H856" s="8"/>
    </row>
    <row r="857" spans="1:8" ht="12.95" customHeight="1">
      <c r="A857" s="78"/>
      <c r="B857" s="45"/>
      <c r="C857" s="32"/>
      <c r="D857" s="61"/>
      <c r="E857" s="46"/>
      <c r="F857" s="61"/>
      <c r="G857" s="55"/>
      <c r="H857" s="12"/>
    </row>
    <row r="858" spans="1:8" ht="12.95" customHeight="1">
      <c r="A858" s="78"/>
      <c r="B858" s="40"/>
      <c r="C858" s="25"/>
      <c r="D858" s="52"/>
      <c r="E858" s="44"/>
      <c r="F858" s="52"/>
      <c r="G858" s="53"/>
      <c r="H858" s="5"/>
    </row>
    <row r="859" spans="1:8" ht="12.95" customHeight="1">
      <c r="A859" s="78"/>
      <c r="B859" s="42"/>
      <c r="C859" s="28"/>
      <c r="D859" s="60"/>
      <c r="E859" s="43"/>
      <c r="F859" s="60"/>
      <c r="G859" s="54"/>
      <c r="H859" s="8"/>
    </row>
    <row r="860" spans="1:8" ht="12.95" customHeight="1">
      <c r="A860" s="78"/>
      <c r="B860" s="45"/>
      <c r="C860" s="32"/>
      <c r="D860" s="61"/>
      <c r="E860" s="46"/>
      <c r="F860" s="61"/>
      <c r="G860" s="55"/>
      <c r="H860" s="12"/>
    </row>
    <row r="861" spans="1:8" ht="12.95" customHeight="1">
      <c r="A861" s="78"/>
      <c r="B861" s="40"/>
      <c r="C861" s="25"/>
      <c r="D861" s="52"/>
      <c r="E861" s="44"/>
      <c r="F861" s="52"/>
      <c r="G861" s="53"/>
      <c r="H861" s="5"/>
    </row>
    <row r="862" spans="1:8" ht="12.95" customHeight="1">
      <c r="A862" s="78"/>
      <c r="B862" s="42"/>
      <c r="C862" s="28"/>
      <c r="D862" s="60"/>
      <c r="E862" s="43"/>
      <c r="F862" s="60"/>
      <c r="G862" s="54"/>
      <c r="H862" s="8"/>
    </row>
    <row r="863" spans="1:8" ht="12.95" customHeight="1">
      <c r="A863" s="78"/>
      <c r="B863" s="45"/>
      <c r="C863" s="32"/>
      <c r="D863" s="61"/>
      <c r="E863" s="46"/>
      <c r="F863" s="61"/>
      <c r="G863" s="55"/>
      <c r="H863" s="12"/>
    </row>
    <row r="864" spans="1:8" ht="12.95" customHeight="1">
      <c r="A864" s="78"/>
      <c r="B864" s="40"/>
      <c r="C864" s="25"/>
      <c r="D864" s="52"/>
      <c r="E864" s="44"/>
      <c r="F864" s="52"/>
      <c r="G864" s="53"/>
      <c r="H864" s="5"/>
    </row>
    <row r="865" spans="1:8" ht="12.95" customHeight="1">
      <c r="A865" s="78"/>
      <c r="B865" s="42"/>
      <c r="C865" s="28"/>
      <c r="D865" s="60"/>
      <c r="E865" s="43"/>
      <c r="F865" s="60"/>
      <c r="G865" s="54"/>
      <c r="H865" s="8"/>
    </row>
    <row r="866" spans="1:8" ht="12.95" customHeight="1">
      <c r="A866" s="78"/>
      <c r="B866" s="45"/>
      <c r="C866" s="32"/>
      <c r="D866" s="61"/>
      <c r="E866" s="46"/>
      <c r="F866" s="61"/>
      <c r="G866" s="55"/>
      <c r="H866" s="12"/>
    </row>
    <row r="867" spans="1:8" ht="12.95" customHeight="1">
      <c r="A867" s="78"/>
      <c r="B867" s="40"/>
      <c r="C867" s="25"/>
      <c r="D867" s="52"/>
      <c r="E867" s="44"/>
      <c r="F867" s="52"/>
      <c r="G867" s="53"/>
      <c r="H867" s="5"/>
    </row>
    <row r="868" spans="1:8" ht="12.95" customHeight="1">
      <c r="A868" s="78"/>
      <c r="B868" s="42"/>
      <c r="C868" s="28"/>
      <c r="D868" s="60"/>
      <c r="E868" s="43"/>
      <c r="F868" s="60"/>
      <c r="G868" s="54"/>
      <c r="H868" s="8"/>
    </row>
    <row r="869" spans="1:8" ht="12.95" customHeight="1">
      <c r="A869" s="78"/>
      <c r="B869" s="45"/>
      <c r="C869" s="32"/>
      <c r="D869" s="61"/>
      <c r="E869" s="46"/>
      <c r="F869" s="61"/>
      <c r="G869" s="55"/>
      <c r="H869" s="12"/>
    </row>
    <row r="870" spans="1:8" ht="12.95" customHeight="1">
      <c r="A870" s="78"/>
      <c r="B870" s="40"/>
      <c r="C870" s="25"/>
      <c r="D870" s="52"/>
      <c r="E870" s="44"/>
      <c r="F870" s="52"/>
      <c r="G870" s="53"/>
      <c r="H870" s="5"/>
    </row>
    <row r="871" spans="1:8" ht="12.95" customHeight="1">
      <c r="A871" s="78"/>
      <c r="B871" s="42"/>
      <c r="C871" s="28"/>
      <c r="D871" s="60"/>
      <c r="E871" s="43"/>
      <c r="F871" s="60"/>
      <c r="G871" s="54"/>
      <c r="H871" s="8"/>
    </row>
    <row r="872" spans="1:8" ht="12.95" customHeight="1">
      <c r="A872" s="78"/>
      <c r="B872" s="45"/>
      <c r="C872" s="32"/>
      <c r="D872" s="61"/>
      <c r="E872" s="47"/>
      <c r="F872" s="65"/>
      <c r="G872" s="55"/>
      <c r="H872" s="12"/>
    </row>
    <row r="873" spans="1:8" ht="12.95" customHeight="1">
      <c r="A873" s="78"/>
      <c r="B873" s="40"/>
      <c r="C873" s="25"/>
      <c r="D873" s="52"/>
      <c r="E873" s="44"/>
      <c r="F873" s="52"/>
      <c r="G873" s="53"/>
      <c r="H873" s="5"/>
    </row>
    <row r="874" spans="1:8" ht="12.95" customHeight="1">
      <c r="A874" s="78"/>
      <c r="B874" s="42"/>
      <c r="C874" s="28"/>
      <c r="D874" s="60"/>
      <c r="E874" s="43"/>
      <c r="F874" s="60"/>
      <c r="G874" s="54"/>
      <c r="H874" s="8"/>
    </row>
    <row r="875" spans="1:8" ht="12.95" customHeight="1">
      <c r="A875" s="78"/>
      <c r="B875" s="45"/>
      <c r="C875" s="32"/>
      <c r="D875" s="61"/>
      <c r="E875" s="46"/>
      <c r="F875" s="61"/>
      <c r="G875" s="55"/>
      <c r="H875" s="12"/>
    </row>
    <row r="876" spans="1:8" ht="12.95" customHeight="1">
      <c r="A876" s="78"/>
      <c r="B876" s="40"/>
      <c r="C876" s="25"/>
      <c r="D876" s="52"/>
      <c r="E876" s="44"/>
      <c r="F876" s="52"/>
      <c r="G876" s="53"/>
      <c r="H876" s="5"/>
    </row>
    <row r="877" spans="1:8" ht="12.95" customHeight="1">
      <c r="A877" s="78"/>
      <c r="B877" s="42"/>
      <c r="C877" s="28"/>
      <c r="D877" s="60"/>
      <c r="E877" s="43"/>
      <c r="F877" s="60"/>
      <c r="G877" s="54"/>
      <c r="H877" s="8"/>
    </row>
    <row r="878" spans="1:8" ht="12.95" customHeight="1">
      <c r="A878" s="78"/>
      <c r="B878" s="45"/>
      <c r="C878" s="32"/>
      <c r="D878" s="61"/>
      <c r="E878" s="46"/>
      <c r="F878" s="61"/>
      <c r="G878" s="55"/>
      <c r="H878" s="12"/>
    </row>
    <row r="879" spans="1:8" ht="12.95" customHeight="1">
      <c r="A879" s="78"/>
      <c r="B879" s="40"/>
      <c r="C879" s="25"/>
      <c r="D879" s="52"/>
      <c r="E879" s="44"/>
      <c r="F879" s="52"/>
      <c r="G879" s="53"/>
      <c r="H879" s="5"/>
    </row>
    <row r="880" spans="1:8" ht="12.95" customHeight="1">
      <c r="A880" s="78"/>
      <c r="B880" s="42"/>
      <c r="C880" s="28"/>
      <c r="D880" s="60"/>
      <c r="E880" s="43"/>
      <c r="F880" s="60"/>
      <c r="G880" s="54"/>
      <c r="H880" s="8"/>
    </row>
    <row r="881" spans="1:8" ht="12.95" customHeight="1">
      <c r="A881" s="78"/>
      <c r="B881" s="45"/>
      <c r="C881" s="32"/>
      <c r="D881" s="61"/>
      <c r="E881" s="46"/>
      <c r="F881" s="61"/>
      <c r="G881" s="55"/>
      <c r="H881" s="12"/>
    </row>
    <row r="882" spans="1:8" ht="12.95" customHeight="1">
      <c r="A882" s="78"/>
      <c r="B882" s="40"/>
      <c r="C882" s="25"/>
      <c r="D882" s="52"/>
      <c r="E882" s="41"/>
      <c r="F882" s="64"/>
      <c r="G882" s="53"/>
      <c r="H882" s="5"/>
    </row>
    <row r="883" spans="1:8" ht="12.95" customHeight="1">
      <c r="A883" s="78"/>
      <c r="B883" s="42"/>
      <c r="C883" s="28"/>
      <c r="D883" s="60"/>
      <c r="E883" s="43"/>
      <c r="F883" s="60"/>
      <c r="G883" s="54"/>
      <c r="H883" s="8"/>
    </row>
    <row r="884" spans="1:8" ht="12.95" customHeight="1">
      <c r="A884" s="78"/>
      <c r="B884" s="45"/>
      <c r="C884" s="32"/>
      <c r="D884" s="61"/>
      <c r="E884" s="46"/>
      <c r="F884" s="61"/>
      <c r="G884" s="55"/>
      <c r="H884" s="12"/>
    </row>
    <row r="885" spans="1:8" ht="12.95" customHeight="1">
      <c r="A885" s="78"/>
      <c r="B885" s="40"/>
      <c r="C885" s="25"/>
      <c r="D885" s="52"/>
      <c r="E885" s="44"/>
      <c r="F885" s="52"/>
      <c r="G885" s="53"/>
      <c r="H885" s="5"/>
    </row>
    <row r="886" spans="1:8" ht="12.95" customHeight="1">
      <c r="A886" s="78"/>
      <c r="B886" s="42"/>
      <c r="C886" s="28"/>
      <c r="D886" s="60"/>
      <c r="E886" s="43"/>
      <c r="F886" s="60"/>
      <c r="G886" s="54"/>
      <c r="H886" s="8"/>
    </row>
    <row r="887" spans="1:8" ht="12.95" customHeight="1">
      <c r="A887" s="78"/>
      <c r="B887" s="45"/>
      <c r="C887" s="32"/>
      <c r="D887" s="61"/>
      <c r="E887" s="46"/>
      <c r="F887" s="61"/>
      <c r="G887" s="55"/>
      <c r="H887" s="12"/>
    </row>
    <row r="888" spans="1:8" ht="12.95" customHeight="1">
      <c r="A888" s="78"/>
      <c r="B888" s="40"/>
      <c r="C888" s="25"/>
      <c r="D888" s="52"/>
      <c r="E888" s="44"/>
      <c r="F888" s="52"/>
      <c r="G888" s="53"/>
      <c r="H888" s="5"/>
    </row>
    <row r="889" spans="1:8" ht="12.95" customHeight="1">
      <c r="A889" s="78"/>
      <c r="B889" s="42"/>
      <c r="C889" s="28"/>
      <c r="D889" s="60"/>
      <c r="E889" s="43"/>
      <c r="F889" s="60"/>
      <c r="G889" s="54"/>
      <c r="H889" s="8"/>
    </row>
    <row r="890" spans="1:8" ht="12.95" customHeight="1">
      <c r="A890" s="78"/>
      <c r="B890" s="45"/>
      <c r="C890" s="32"/>
      <c r="D890" s="61"/>
      <c r="E890" s="46"/>
      <c r="F890" s="61"/>
      <c r="G890" s="55"/>
      <c r="H890" s="12"/>
    </row>
    <row r="891" spans="1:8" ht="12.95" customHeight="1">
      <c r="A891" s="78"/>
      <c r="B891" s="40"/>
      <c r="C891" s="25"/>
      <c r="D891" s="52"/>
      <c r="E891" s="44"/>
      <c r="F891" s="52"/>
      <c r="G891" s="53"/>
      <c r="H891" s="5"/>
    </row>
    <row r="892" spans="1:8" ht="12.95" customHeight="1">
      <c r="A892" s="78"/>
      <c r="B892" s="42"/>
      <c r="C892" s="28"/>
      <c r="D892" s="60"/>
      <c r="E892" s="48"/>
      <c r="F892" s="66"/>
      <c r="G892" s="54"/>
      <c r="H892" s="8"/>
    </row>
    <row r="893" spans="1:8" ht="12.95" customHeight="1">
      <c r="A893" s="78"/>
      <c r="B893" s="45"/>
      <c r="C893" s="32"/>
      <c r="D893" s="61"/>
      <c r="E893" s="46"/>
      <c r="F893" s="61"/>
      <c r="G893" s="55"/>
      <c r="H893" s="12"/>
    </row>
    <row r="894" spans="1:8" ht="12.95" customHeight="1">
      <c r="A894" s="78"/>
      <c r="B894" s="40"/>
      <c r="C894" s="25"/>
      <c r="D894" s="62"/>
      <c r="E894" s="44"/>
      <c r="F894" s="62"/>
      <c r="G894" s="53"/>
      <c r="H894" s="5"/>
    </row>
    <row r="895" spans="1:8" ht="12.95" customHeight="1">
      <c r="A895" s="78"/>
      <c r="B895" s="50"/>
      <c r="C895" s="38"/>
      <c r="D895" s="63"/>
      <c r="E895" s="51"/>
      <c r="F895" s="63"/>
      <c r="G895" s="57"/>
      <c r="H895" s="18"/>
    </row>
    <row r="896" spans="1:8" ht="0.95" customHeight="1">
      <c r="B896" s="19"/>
      <c r="C896" s="19"/>
      <c r="D896" s="19"/>
      <c r="E896" s="19"/>
      <c r="F896" s="67"/>
      <c r="G896" s="19"/>
      <c r="H896" s="19"/>
    </row>
    <row r="897" spans="1:8" s="1" customFormat="1" ht="18" customHeight="1">
      <c r="B897" s="79" t="s">
        <v>137</v>
      </c>
      <c r="C897" s="79"/>
      <c r="D897" s="79"/>
      <c r="E897" s="79"/>
      <c r="F897" s="79"/>
      <c r="G897" s="79"/>
      <c r="H897" s="80"/>
    </row>
    <row r="898" spans="1:8" ht="21" customHeight="1">
      <c r="A898" s="78"/>
      <c r="B898" s="207" t="s">
        <v>33</v>
      </c>
      <c r="C898" s="208"/>
      <c r="D898" s="208" t="s">
        <v>439</v>
      </c>
      <c r="E898" s="208"/>
      <c r="F898" s="208"/>
      <c r="G898" s="208" t="s">
        <v>139</v>
      </c>
      <c r="H898" s="209"/>
    </row>
    <row r="899" spans="1:8" ht="21" customHeight="1">
      <c r="A899" s="78"/>
      <c r="B899" s="105" t="s">
        <v>140</v>
      </c>
      <c r="C899" s="106" t="s">
        <v>141</v>
      </c>
      <c r="D899" s="106" t="s">
        <v>142</v>
      </c>
      <c r="E899" s="106" t="s">
        <v>38</v>
      </c>
      <c r="F899" s="106" t="s">
        <v>143</v>
      </c>
      <c r="G899" s="106" t="s">
        <v>144</v>
      </c>
      <c r="H899" s="107" t="s">
        <v>27</v>
      </c>
    </row>
    <row r="900" spans="1:8" ht="12.95" customHeight="1">
      <c r="A900" s="78" t="s">
        <v>7</v>
      </c>
      <c r="B900" s="108" t="s">
        <v>440</v>
      </c>
      <c r="C900" s="98" t="s">
        <v>7</v>
      </c>
      <c r="D900" s="52" t="s">
        <v>7</v>
      </c>
      <c r="E900" s="113" t="s">
        <v>7</v>
      </c>
      <c r="F900" s="124" t="s">
        <v>7</v>
      </c>
      <c r="G900" s="53" t="s">
        <v>7</v>
      </c>
      <c r="H900" s="90"/>
    </row>
    <row r="901" spans="1:8" ht="12.95" customHeight="1">
      <c r="A901" s="78" t="s">
        <v>7</v>
      </c>
      <c r="B901" s="108" t="s">
        <v>7</v>
      </c>
      <c r="C901" s="98" t="s">
        <v>7</v>
      </c>
      <c r="D901" s="52" t="s">
        <v>7</v>
      </c>
      <c r="E901" s="113" t="s">
        <v>7</v>
      </c>
      <c r="F901" s="52" t="s">
        <v>7</v>
      </c>
      <c r="G901" s="53" t="s">
        <v>7</v>
      </c>
      <c r="H901" s="90"/>
    </row>
    <row r="902" spans="1:8" ht="12.95" customHeight="1">
      <c r="A902" s="78" t="s">
        <v>7</v>
      </c>
      <c r="B902" s="109" t="s">
        <v>7</v>
      </c>
      <c r="C902" s="100" t="s">
        <v>7</v>
      </c>
      <c r="D902" s="60" t="s">
        <v>7</v>
      </c>
      <c r="E902" s="112" t="s">
        <v>7</v>
      </c>
      <c r="F902" s="126" t="s">
        <v>7</v>
      </c>
      <c r="G902" s="54" t="s">
        <v>7</v>
      </c>
      <c r="H902" s="91"/>
    </row>
    <row r="903" spans="1:8" ht="12.95" customHeight="1">
      <c r="A903" s="78" t="s">
        <v>7</v>
      </c>
      <c r="B903" s="108" t="s">
        <v>444</v>
      </c>
      <c r="C903" s="98" t="s">
        <v>7</v>
      </c>
      <c r="D903" s="52" t="s">
        <v>7</v>
      </c>
      <c r="E903" s="113" t="s">
        <v>7</v>
      </c>
      <c r="F903" s="124"/>
      <c r="G903" s="53"/>
      <c r="H903" s="90"/>
    </row>
    <row r="904" spans="1:8" ht="12.95" customHeight="1">
      <c r="A904" s="78" t="s">
        <v>7</v>
      </c>
      <c r="B904" s="108" t="s">
        <v>7</v>
      </c>
      <c r="C904" s="98" t="s">
        <v>7</v>
      </c>
      <c r="D904" s="52" t="s">
        <v>445</v>
      </c>
      <c r="E904" s="113" t="s">
        <v>7</v>
      </c>
      <c r="F904" s="52"/>
      <c r="G904" s="53"/>
      <c r="H904" s="90"/>
    </row>
    <row r="905" spans="1:8" ht="12.95" customHeight="1">
      <c r="A905" s="78" t="s">
        <v>7</v>
      </c>
      <c r="B905" s="109" t="s">
        <v>7</v>
      </c>
      <c r="C905" s="100" t="s">
        <v>7</v>
      </c>
      <c r="D905" s="60" t="s">
        <v>7</v>
      </c>
      <c r="E905" s="112" t="s">
        <v>134</v>
      </c>
      <c r="F905" s="126"/>
      <c r="G905" s="54"/>
      <c r="H905" s="91"/>
    </row>
    <row r="906" spans="1:8" ht="12.95" customHeight="1">
      <c r="A906" s="78" t="s">
        <v>7</v>
      </c>
      <c r="B906" s="108" t="s">
        <v>446</v>
      </c>
      <c r="C906" s="98" t="s">
        <v>447</v>
      </c>
      <c r="D906" s="52" t="s">
        <v>7</v>
      </c>
      <c r="E906" s="113" t="s">
        <v>7</v>
      </c>
      <c r="F906" s="124"/>
      <c r="G906" s="53"/>
      <c r="H906" s="90"/>
    </row>
    <row r="907" spans="1:8" ht="12.95" customHeight="1">
      <c r="A907" s="78" t="s">
        <v>7</v>
      </c>
      <c r="B907" s="108" t="s">
        <v>7</v>
      </c>
      <c r="C907" s="98" t="s">
        <v>448</v>
      </c>
      <c r="D907" s="52" t="s">
        <v>30</v>
      </c>
      <c r="E907" s="113" t="s">
        <v>7</v>
      </c>
      <c r="F907" s="52"/>
      <c r="G907" s="53"/>
      <c r="H907" s="90"/>
    </row>
    <row r="908" spans="1:8" ht="12.95" customHeight="1">
      <c r="A908" s="78" t="s">
        <v>7</v>
      </c>
      <c r="B908" s="109" t="s">
        <v>7</v>
      </c>
      <c r="C908" s="100" t="s">
        <v>7</v>
      </c>
      <c r="D908" s="60" t="s">
        <v>7</v>
      </c>
      <c r="E908" s="112" t="s">
        <v>31</v>
      </c>
      <c r="F908" s="126"/>
      <c r="G908" s="54"/>
      <c r="H908" s="91"/>
    </row>
    <row r="909" spans="1:8" ht="12.95" customHeight="1">
      <c r="A909" s="78" t="s">
        <v>7</v>
      </c>
      <c r="B909" s="108" t="s">
        <v>449</v>
      </c>
      <c r="C909" s="98" t="s">
        <v>450</v>
      </c>
      <c r="D909" s="52" t="s">
        <v>7</v>
      </c>
      <c r="E909" s="113" t="s">
        <v>7</v>
      </c>
      <c r="F909" s="124"/>
      <c r="G909" s="53"/>
      <c r="H909" s="90"/>
    </row>
    <row r="910" spans="1:8" ht="12.95" customHeight="1">
      <c r="A910" s="78" t="s">
        <v>7</v>
      </c>
      <c r="B910" s="108" t="s">
        <v>7</v>
      </c>
      <c r="C910" s="98" t="s">
        <v>7</v>
      </c>
      <c r="D910" s="52" t="s">
        <v>451</v>
      </c>
      <c r="E910" s="113" t="s">
        <v>7</v>
      </c>
      <c r="F910" s="52"/>
      <c r="G910" s="53"/>
      <c r="H910" s="90"/>
    </row>
    <row r="911" spans="1:8" ht="12.95" customHeight="1">
      <c r="A911" s="78" t="s">
        <v>7</v>
      </c>
      <c r="B911" s="109" t="s">
        <v>7</v>
      </c>
      <c r="C911" s="100" t="s">
        <v>7</v>
      </c>
      <c r="D911" s="60" t="s">
        <v>7</v>
      </c>
      <c r="E911" s="112" t="s">
        <v>119</v>
      </c>
      <c r="F911" s="126"/>
      <c r="G911" s="54"/>
      <c r="H911" s="91"/>
    </row>
    <row r="912" spans="1:8" ht="12.95" customHeight="1">
      <c r="A912" s="78" t="s">
        <v>7</v>
      </c>
      <c r="B912" s="108" t="s">
        <v>449</v>
      </c>
      <c r="C912" s="98" t="s">
        <v>452</v>
      </c>
      <c r="D912" s="52" t="s">
        <v>7</v>
      </c>
      <c r="E912" s="113" t="s">
        <v>7</v>
      </c>
      <c r="F912" s="124"/>
      <c r="G912" s="53"/>
      <c r="H912" s="90"/>
    </row>
    <row r="913" spans="1:8" ht="12.95" customHeight="1">
      <c r="A913" s="78" t="s">
        <v>7</v>
      </c>
      <c r="B913" s="108" t="s">
        <v>7</v>
      </c>
      <c r="C913" s="98" t="s">
        <v>7</v>
      </c>
      <c r="D913" s="52" t="s">
        <v>453</v>
      </c>
      <c r="E913" s="113" t="s">
        <v>7</v>
      </c>
      <c r="F913" s="52"/>
      <c r="G913" s="53"/>
      <c r="H913" s="90"/>
    </row>
    <row r="914" spans="1:8" ht="12.95" customHeight="1">
      <c r="A914" s="78" t="s">
        <v>7</v>
      </c>
      <c r="B914" s="109" t="s">
        <v>7</v>
      </c>
      <c r="C914" s="100" t="s">
        <v>7</v>
      </c>
      <c r="D914" s="60" t="s">
        <v>7</v>
      </c>
      <c r="E914" s="112" t="s">
        <v>119</v>
      </c>
      <c r="F914" s="126"/>
      <c r="G914" s="54"/>
      <c r="H914" s="91"/>
    </row>
    <row r="915" spans="1:8" ht="12.95" customHeight="1">
      <c r="A915" s="78" t="s">
        <v>7</v>
      </c>
      <c r="B915" s="108" t="s">
        <v>454</v>
      </c>
      <c r="C915" s="98" t="s">
        <v>7</v>
      </c>
      <c r="D915" s="52" t="s">
        <v>7</v>
      </c>
      <c r="E915" s="113" t="s">
        <v>7</v>
      </c>
      <c r="F915" s="124"/>
      <c r="G915" s="53"/>
      <c r="H915" s="90"/>
    </row>
    <row r="916" spans="1:8" ht="12.95" customHeight="1">
      <c r="A916" s="78" t="s">
        <v>7</v>
      </c>
      <c r="B916" s="108" t="s">
        <v>455</v>
      </c>
      <c r="C916" s="98" t="s">
        <v>7</v>
      </c>
      <c r="D916" s="52" t="s">
        <v>445</v>
      </c>
      <c r="E916" s="113" t="s">
        <v>7</v>
      </c>
      <c r="F916" s="52"/>
      <c r="G916" s="53"/>
      <c r="H916" s="90"/>
    </row>
    <row r="917" spans="1:8" ht="12.95" customHeight="1">
      <c r="A917" s="78" t="s">
        <v>7</v>
      </c>
      <c r="B917" s="109" t="s">
        <v>7</v>
      </c>
      <c r="C917" s="100" t="s">
        <v>7</v>
      </c>
      <c r="D917" s="60" t="s">
        <v>7</v>
      </c>
      <c r="E917" s="112" t="s">
        <v>134</v>
      </c>
      <c r="F917" s="126"/>
      <c r="G917" s="54"/>
      <c r="H917" s="91"/>
    </row>
    <row r="918" spans="1:8" ht="12.95" customHeight="1">
      <c r="A918" s="78" t="s">
        <v>7</v>
      </c>
      <c r="B918" s="108" t="s">
        <v>456</v>
      </c>
      <c r="C918" s="98" t="s">
        <v>7</v>
      </c>
      <c r="D918" s="52" t="s">
        <v>7</v>
      </c>
      <c r="E918" s="113" t="s">
        <v>7</v>
      </c>
      <c r="F918" s="124"/>
      <c r="G918" s="53"/>
      <c r="H918" s="90"/>
    </row>
    <row r="919" spans="1:8" ht="12.95" customHeight="1">
      <c r="A919" s="78" t="s">
        <v>7</v>
      </c>
      <c r="B919" s="108" t="s">
        <v>7</v>
      </c>
      <c r="C919" s="98" t="s">
        <v>7</v>
      </c>
      <c r="D919" s="52" t="s">
        <v>442</v>
      </c>
      <c r="E919" s="113" t="s">
        <v>7</v>
      </c>
      <c r="F919" s="52"/>
      <c r="G919" s="53"/>
      <c r="H919" s="90"/>
    </row>
    <row r="920" spans="1:8" ht="12.95" customHeight="1">
      <c r="A920" s="78" t="s">
        <v>7</v>
      </c>
      <c r="B920" s="109" t="s">
        <v>7</v>
      </c>
      <c r="C920" s="100" t="s">
        <v>7</v>
      </c>
      <c r="D920" s="60" t="s">
        <v>7</v>
      </c>
      <c r="E920" s="112" t="s">
        <v>130</v>
      </c>
      <c r="F920" s="126"/>
      <c r="G920" s="54"/>
      <c r="H920" s="91"/>
    </row>
    <row r="921" spans="1:8" ht="12.95" customHeight="1">
      <c r="A921" s="78" t="s">
        <v>7</v>
      </c>
      <c r="B921" s="108" t="s">
        <v>457</v>
      </c>
      <c r="C921" s="98" t="s">
        <v>7</v>
      </c>
      <c r="D921" s="52" t="s">
        <v>7</v>
      </c>
      <c r="E921" s="113" t="s">
        <v>7</v>
      </c>
      <c r="F921" s="124"/>
      <c r="G921" s="53"/>
      <c r="H921" s="90"/>
    </row>
    <row r="922" spans="1:8" ht="12.95" customHeight="1">
      <c r="A922" s="78" t="s">
        <v>7</v>
      </c>
      <c r="B922" s="108" t="s">
        <v>7</v>
      </c>
      <c r="C922" s="98" t="s">
        <v>7</v>
      </c>
      <c r="D922" s="52" t="s">
        <v>458</v>
      </c>
      <c r="E922" s="113" t="s">
        <v>7</v>
      </c>
      <c r="F922" s="52"/>
      <c r="G922" s="53"/>
      <c r="H922" s="90"/>
    </row>
    <row r="923" spans="1:8" ht="12.95" customHeight="1">
      <c r="A923" s="78" t="s">
        <v>7</v>
      </c>
      <c r="B923" s="109" t="s">
        <v>7</v>
      </c>
      <c r="C923" s="100" t="s">
        <v>7</v>
      </c>
      <c r="D923" s="60" t="s">
        <v>7</v>
      </c>
      <c r="E923" s="112" t="s">
        <v>130</v>
      </c>
      <c r="F923" s="126"/>
      <c r="G923" s="54"/>
      <c r="H923" s="91"/>
    </row>
    <row r="924" spans="1:8" ht="12.95" customHeight="1">
      <c r="A924" s="78" t="s">
        <v>7</v>
      </c>
      <c r="B924" s="108" t="s">
        <v>155</v>
      </c>
      <c r="C924" s="98" t="s">
        <v>156</v>
      </c>
      <c r="D924" s="52" t="s">
        <v>7</v>
      </c>
      <c r="E924" s="113" t="s">
        <v>7</v>
      </c>
      <c r="F924" s="124"/>
      <c r="G924" s="53"/>
      <c r="H924" s="90"/>
    </row>
    <row r="925" spans="1:8" ht="12.95" customHeight="1">
      <c r="A925" s="78" t="s">
        <v>7</v>
      </c>
      <c r="B925" s="108" t="s">
        <v>157</v>
      </c>
      <c r="C925" s="98" t="s">
        <v>7</v>
      </c>
      <c r="D925" s="52" t="s">
        <v>443</v>
      </c>
      <c r="E925" s="113" t="s">
        <v>7</v>
      </c>
      <c r="F925" s="52"/>
      <c r="G925" s="53"/>
      <c r="H925" s="90"/>
    </row>
    <row r="926" spans="1:8" ht="12.95" customHeight="1">
      <c r="A926" s="78" t="s">
        <v>7</v>
      </c>
      <c r="B926" s="109" t="s">
        <v>7</v>
      </c>
      <c r="C926" s="100" t="s">
        <v>7</v>
      </c>
      <c r="D926" s="60" t="s">
        <v>7</v>
      </c>
      <c r="E926" s="112" t="s">
        <v>134</v>
      </c>
      <c r="F926" s="126"/>
      <c r="G926" s="54"/>
      <c r="H926" s="91"/>
    </row>
    <row r="927" spans="1:8" ht="12.95" customHeight="1">
      <c r="A927" s="78" t="s">
        <v>7</v>
      </c>
      <c r="B927" s="108" t="s">
        <v>190</v>
      </c>
      <c r="C927" s="98" t="s">
        <v>7</v>
      </c>
      <c r="D927" s="52" t="s">
        <v>7</v>
      </c>
      <c r="E927" s="113" t="s">
        <v>7</v>
      </c>
      <c r="F927" s="124"/>
      <c r="G927" s="53"/>
      <c r="H927" s="90"/>
    </row>
    <row r="928" spans="1:8" ht="12.95" customHeight="1">
      <c r="A928" s="78" t="s">
        <v>7</v>
      </c>
      <c r="B928" s="108" t="s">
        <v>7</v>
      </c>
      <c r="C928" s="98" t="s">
        <v>7</v>
      </c>
      <c r="D928" s="52" t="s">
        <v>7</v>
      </c>
      <c r="E928" s="113" t="s">
        <v>7</v>
      </c>
      <c r="F928" s="52"/>
      <c r="G928" s="53"/>
      <c r="H928" s="90"/>
    </row>
    <row r="929" spans="1:8" ht="12.95" customHeight="1">
      <c r="A929" s="78" t="s">
        <v>7</v>
      </c>
      <c r="B929" s="109" t="s">
        <v>7</v>
      </c>
      <c r="C929" s="100" t="s">
        <v>7</v>
      </c>
      <c r="D929" s="60" t="s">
        <v>7</v>
      </c>
      <c r="E929" s="112" t="s">
        <v>7</v>
      </c>
      <c r="F929" s="126"/>
      <c r="G929" s="54"/>
      <c r="H929" s="91" t="s">
        <v>7</v>
      </c>
    </row>
    <row r="930" spans="1:8" ht="12.95" customHeight="1">
      <c r="A930" s="78" t="s">
        <v>7</v>
      </c>
      <c r="B930" s="110" t="s">
        <v>34</v>
      </c>
      <c r="C930" s="98" t="s">
        <v>7</v>
      </c>
      <c r="D930" s="52" t="s">
        <v>7</v>
      </c>
      <c r="E930" s="113" t="s">
        <v>7</v>
      </c>
      <c r="F930" s="52"/>
      <c r="G930" s="53"/>
      <c r="H930" s="90" t="s">
        <v>7</v>
      </c>
    </row>
    <row r="931" spans="1:8" ht="12.95" customHeight="1">
      <c r="A931" s="78" t="s">
        <v>7</v>
      </c>
      <c r="B931" s="108" t="s">
        <v>7</v>
      </c>
      <c r="C931" s="98" t="s">
        <v>7</v>
      </c>
      <c r="D931" s="52" t="s">
        <v>7</v>
      </c>
      <c r="E931" s="113" t="s">
        <v>7</v>
      </c>
      <c r="F931" s="52"/>
      <c r="G931" s="53"/>
      <c r="H931" s="90" t="s">
        <v>7</v>
      </c>
    </row>
    <row r="932" spans="1:8" ht="12.95" customHeight="1">
      <c r="A932" s="78" t="s">
        <v>7</v>
      </c>
      <c r="B932" s="109" t="s">
        <v>7</v>
      </c>
      <c r="C932" s="100" t="s">
        <v>7</v>
      </c>
      <c r="D932" s="60" t="s">
        <v>7</v>
      </c>
      <c r="E932" s="112" t="s">
        <v>7</v>
      </c>
      <c r="F932" s="60"/>
      <c r="G932" s="54"/>
      <c r="H932" s="91" t="s">
        <v>7</v>
      </c>
    </row>
    <row r="933" spans="1:8" ht="12.95" customHeight="1">
      <c r="A933" s="78"/>
      <c r="B933" s="45"/>
      <c r="C933" s="32"/>
      <c r="D933" s="61"/>
      <c r="E933" s="46"/>
      <c r="F933" s="61"/>
      <c r="G933" s="55"/>
      <c r="H933" s="12"/>
    </row>
    <row r="934" spans="1:8" ht="12.95" customHeight="1">
      <c r="A934" s="78"/>
      <c r="B934" s="40"/>
      <c r="C934" s="25"/>
      <c r="D934" s="52"/>
      <c r="E934" s="44"/>
      <c r="F934" s="52"/>
      <c r="G934" s="53"/>
      <c r="H934" s="5"/>
    </row>
    <row r="935" spans="1:8" ht="12.95" customHeight="1">
      <c r="A935" s="78"/>
      <c r="B935" s="42"/>
      <c r="C935" s="28"/>
      <c r="D935" s="60"/>
      <c r="E935" s="43"/>
      <c r="F935" s="60"/>
      <c r="G935" s="54"/>
      <c r="H935" s="8"/>
    </row>
    <row r="936" spans="1:8" ht="12.95" customHeight="1">
      <c r="A936" s="78"/>
      <c r="B936" s="45"/>
      <c r="C936" s="32"/>
      <c r="D936" s="61"/>
      <c r="E936" s="47"/>
      <c r="F936" s="65"/>
      <c r="G936" s="55"/>
      <c r="H936" s="12"/>
    </row>
    <row r="937" spans="1:8" ht="12.95" customHeight="1">
      <c r="A937" s="78"/>
      <c r="B937" s="40"/>
      <c r="C937" s="25"/>
      <c r="D937" s="52"/>
      <c r="E937" s="44"/>
      <c r="F937" s="52"/>
      <c r="G937" s="53"/>
      <c r="H937" s="5"/>
    </row>
    <row r="938" spans="1:8" ht="12.95" customHeight="1">
      <c r="A938" s="78"/>
      <c r="B938" s="42"/>
      <c r="C938" s="28"/>
      <c r="D938" s="60"/>
      <c r="E938" s="43"/>
      <c r="F938" s="60"/>
      <c r="G938" s="54"/>
      <c r="H938" s="8"/>
    </row>
    <row r="939" spans="1:8" ht="12.95" customHeight="1">
      <c r="A939" s="78"/>
      <c r="B939" s="45"/>
      <c r="C939" s="32"/>
      <c r="D939" s="61"/>
      <c r="E939" s="46"/>
      <c r="F939" s="61"/>
      <c r="G939" s="55"/>
      <c r="H939" s="12"/>
    </row>
    <row r="940" spans="1:8" ht="12.95" customHeight="1">
      <c r="A940" s="78"/>
      <c r="B940" s="40"/>
      <c r="C940" s="25"/>
      <c r="D940" s="52"/>
      <c r="E940" s="44"/>
      <c r="F940" s="52"/>
      <c r="G940" s="53"/>
      <c r="H940" s="5"/>
    </row>
    <row r="941" spans="1:8" ht="12.95" customHeight="1">
      <c r="A941" s="78"/>
      <c r="B941" s="42"/>
      <c r="C941" s="28"/>
      <c r="D941" s="60"/>
      <c r="E941" s="43"/>
      <c r="F941" s="60"/>
      <c r="G941" s="54"/>
      <c r="H941" s="8"/>
    </row>
    <row r="942" spans="1:8" ht="12.95" customHeight="1">
      <c r="A942" s="78"/>
      <c r="B942" s="45"/>
      <c r="C942" s="32"/>
      <c r="D942" s="61"/>
      <c r="E942" s="46"/>
      <c r="F942" s="61"/>
      <c r="G942" s="55"/>
      <c r="H942" s="12"/>
    </row>
    <row r="943" spans="1:8" ht="12.95" customHeight="1">
      <c r="A943" s="78"/>
      <c r="B943" s="40"/>
      <c r="C943" s="25"/>
      <c r="D943" s="52"/>
      <c r="E943" s="44"/>
      <c r="F943" s="52"/>
      <c r="G943" s="53"/>
      <c r="H943" s="5"/>
    </row>
    <row r="944" spans="1:8" ht="12.95" customHeight="1">
      <c r="A944" s="78"/>
      <c r="B944" s="42"/>
      <c r="C944" s="28"/>
      <c r="D944" s="60"/>
      <c r="E944" s="43"/>
      <c r="F944" s="60"/>
      <c r="G944" s="54"/>
      <c r="H944" s="8"/>
    </row>
    <row r="945" spans="1:8" ht="12.95" customHeight="1">
      <c r="A945" s="78"/>
      <c r="B945" s="45"/>
      <c r="C945" s="32"/>
      <c r="D945" s="61"/>
      <c r="E945" s="46"/>
      <c r="F945" s="61"/>
      <c r="G945" s="55"/>
      <c r="H945" s="12"/>
    </row>
    <row r="946" spans="1:8" ht="12.95" customHeight="1">
      <c r="A946" s="78"/>
      <c r="B946" s="40"/>
      <c r="C946" s="25"/>
      <c r="D946" s="52"/>
      <c r="E946" s="41"/>
      <c r="F946" s="64"/>
      <c r="G946" s="53"/>
      <c r="H946" s="5"/>
    </row>
    <row r="947" spans="1:8" ht="12.95" customHeight="1">
      <c r="A947" s="78"/>
      <c r="B947" s="42"/>
      <c r="C947" s="28"/>
      <c r="D947" s="60"/>
      <c r="E947" s="43"/>
      <c r="F947" s="60"/>
      <c r="G947" s="54"/>
      <c r="H947" s="8"/>
    </row>
    <row r="948" spans="1:8" ht="12.95" customHeight="1">
      <c r="A948" s="78"/>
      <c r="B948" s="45"/>
      <c r="C948" s="32"/>
      <c r="D948" s="61"/>
      <c r="E948" s="46"/>
      <c r="F948" s="61"/>
      <c r="G948" s="55"/>
      <c r="H948" s="12"/>
    </row>
    <row r="949" spans="1:8" ht="12.95" customHeight="1">
      <c r="A949" s="78"/>
      <c r="B949" s="40"/>
      <c r="C949" s="25"/>
      <c r="D949" s="52"/>
      <c r="E949" s="44"/>
      <c r="F949" s="52"/>
      <c r="G949" s="53"/>
      <c r="H949" s="5"/>
    </row>
    <row r="950" spans="1:8" ht="12.95" customHeight="1">
      <c r="A950" s="78"/>
      <c r="B950" s="42"/>
      <c r="C950" s="28"/>
      <c r="D950" s="60"/>
      <c r="E950" s="43"/>
      <c r="F950" s="60"/>
      <c r="G950" s="54"/>
      <c r="H950" s="8"/>
    </row>
    <row r="951" spans="1:8" ht="12.95" customHeight="1">
      <c r="A951" s="78"/>
      <c r="B951" s="45"/>
      <c r="C951" s="32"/>
      <c r="D951" s="61"/>
      <c r="E951" s="46"/>
      <c r="F951" s="61"/>
      <c r="G951" s="55"/>
      <c r="H951" s="12"/>
    </row>
    <row r="952" spans="1:8" ht="12.95" customHeight="1">
      <c r="A952" s="78"/>
      <c r="B952" s="40"/>
      <c r="C952" s="25"/>
      <c r="D952" s="52"/>
      <c r="E952" s="44"/>
      <c r="F952" s="52"/>
      <c r="G952" s="53"/>
      <c r="H952" s="5"/>
    </row>
    <row r="953" spans="1:8" ht="12.95" customHeight="1">
      <c r="A953" s="78"/>
      <c r="B953" s="42"/>
      <c r="C953" s="28"/>
      <c r="D953" s="60"/>
      <c r="E953" s="43"/>
      <c r="F953" s="60"/>
      <c r="G953" s="54"/>
      <c r="H953" s="8"/>
    </row>
    <row r="954" spans="1:8" ht="12.95" customHeight="1">
      <c r="A954" s="78"/>
      <c r="B954" s="45"/>
      <c r="C954" s="32"/>
      <c r="D954" s="61"/>
      <c r="E954" s="46"/>
      <c r="F954" s="61"/>
      <c r="G954" s="55"/>
      <c r="H954" s="12"/>
    </row>
    <row r="955" spans="1:8" ht="12.95" customHeight="1">
      <c r="A955" s="78"/>
      <c r="B955" s="40"/>
      <c r="C955" s="25"/>
      <c r="D955" s="52"/>
      <c r="E955" s="44"/>
      <c r="F955" s="52"/>
      <c r="G955" s="53"/>
      <c r="H955" s="5"/>
    </row>
    <row r="956" spans="1:8" ht="12.95" customHeight="1">
      <c r="A956" s="78"/>
      <c r="B956" s="42"/>
      <c r="C956" s="28"/>
      <c r="D956" s="60"/>
      <c r="E956" s="48"/>
      <c r="F956" s="66"/>
      <c r="G956" s="54"/>
      <c r="H956" s="8"/>
    </row>
    <row r="957" spans="1:8" ht="12.95" customHeight="1">
      <c r="A957" s="78"/>
      <c r="B957" s="45"/>
      <c r="C957" s="32"/>
      <c r="D957" s="61"/>
      <c r="E957" s="46"/>
      <c r="F957" s="61"/>
      <c r="G957" s="55"/>
      <c r="H957" s="12"/>
    </row>
    <row r="958" spans="1:8" ht="12.95" customHeight="1">
      <c r="A958" s="78"/>
      <c r="B958" s="40"/>
      <c r="C958" s="25"/>
      <c r="D958" s="62"/>
      <c r="E958" s="44"/>
      <c r="F958" s="62"/>
      <c r="G958" s="53"/>
      <c r="H958" s="5"/>
    </row>
    <row r="959" spans="1:8" ht="12.95" customHeight="1">
      <c r="A959" s="78"/>
      <c r="B959" s="50"/>
      <c r="C959" s="38"/>
      <c r="D959" s="63"/>
      <c r="E959" s="51"/>
      <c r="F959" s="63"/>
      <c r="G959" s="57"/>
      <c r="H959" s="18"/>
    </row>
    <row r="960" spans="1:8" ht="0.95" customHeight="1">
      <c r="B960" s="19"/>
      <c r="C960" s="19"/>
      <c r="D960" s="19"/>
      <c r="E960" s="19"/>
      <c r="F960" s="67"/>
      <c r="G960" s="19"/>
      <c r="H960" s="19"/>
    </row>
    <row r="961" spans="1:8" s="1" customFormat="1" ht="18" customHeight="1">
      <c r="B961" s="79" t="s">
        <v>137</v>
      </c>
      <c r="C961" s="79"/>
      <c r="D961" s="79"/>
      <c r="E961" s="79"/>
      <c r="F961" s="79"/>
      <c r="G961" s="79"/>
      <c r="H961" s="80"/>
    </row>
    <row r="962" spans="1:8" ht="21" customHeight="1">
      <c r="A962" s="78"/>
      <c r="B962" s="207" t="s">
        <v>33</v>
      </c>
      <c r="C962" s="208"/>
      <c r="D962" s="208" t="s">
        <v>459</v>
      </c>
      <c r="E962" s="208"/>
      <c r="F962" s="208"/>
      <c r="G962" s="208" t="s">
        <v>139</v>
      </c>
      <c r="H962" s="209"/>
    </row>
    <row r="963" spans="1:8" ht="21" customHeight="1">
      <c r="A963" s="78"/>
      <c r="B963" s="105" t="s">
        <v>140</v>
      </c>
      <c r="C963" s="106" t="s">
        <v>141</v>
      </c>
      <c r="D963" s="106" t="s">
        <v>142</v>
      </c>
      <c r="E963" s="106" t="s">
        <v>38</v>
      </c>
      <c r="F963" s="106" t="s">
        <v>143</v>
      </c>
      <c r="G963" s="106" t="s">
        <v>144</v>
      </c>
      <c r="H963" s="107" t="s">
        <v>27</v>
      </c>
    </row>
    <row r="964" spans="1:8" ht="12.95" customHeight="1">
      <c r="A964" s="78" t="s">
        <v>7</v>
      </c>
      <c r="B964" s="108" t="s">
        <v>460</v>
      </c>
      <c r="C964" s="98" t="s">
        <v>461</v>
      </c>
      <c r="D964" s="52" t="s">
        <v>7</v>
      </c>
      <c r="E964" s="113" t="s">
        <v>7</v>
      </c>
      <c r="F964" s="124" t="s">
        <v>7</v>
      </c>
      <c r="G964" s="53" t="s">
        <v>7</v>
      </c>
      <c r="H964" s="90"/>
    </row>
    <row r="965" spans="1:8" ht="12.95" customHeight="1">
      <c r="A965" s="78" t="s">
        <v>7</v>
      </c>
      <c r="B965" s="108" t="s">
        <v>7</v>
      </c>
      <c r="C965" s="98" t="s">
        <v>7</v>
      </c>
      <c r="D965" s="52" t="s">
        <v>30</v>
      </c>
      <c r="E965" s="113" t="s">
        <v>7</v>
      </c>
      <c r="F965" s="52"/>
      <c r="G965" s="53"/>
      <c r="H965" s="90"/>
    </row>
    <row r="966" spans="1:8" ht="12.95" customHeight="1">
      <c r="A966" s="78" t="s">
        <v>7</v>
      </c>
      <c r="B966" s="109" t="s">
        <v>7</v>
      </c>
      <c r="C966" s="100" t="s">
        <v>7</v>
      </c>
      <c r="D966" s="60" t="s">
        <v>7</v>
      </c>
      <c r="E966" s="112" t="s">
        <v>31</v>
      </c>
      <c r="F966" s="126"/>
      <c r="G966" s="54"/>
      <c r="H966" s="91"/>
    </row>
    <row r="967" spans="1:8" ht="12.95" customHeight="1">
      <c r="A967" s="78" t="s">
        <v>7</v>
      </c>
      <c r="B967" s="108" t="s">
        <v>462</v>
      </c>
      <c r="C967" s="98" t="s">
        <v>463</v>
      </c>
      <c r="D967" s="52" t="s">
        <v>7</v>
      </c>
      <c r="E967" s="113" t="s">
        <v>7</v>
      </c>
      <c r="F967" s="124"/>
      <c r="G967" s="53"/>
      <c r="H967" s="90"/>
    </row>
    <row r="968" spans="1:8" ht="12.95" customHeight="1">
      <c r="A968" s="78" t="s">
        <v>7</v>
      </c>
      <c r="B968" s="108" t="s">
        <v>7</v>
      </c>
      <c r="C968" s="98" t="s">
        <v>7</v>
      </c>
      <c r="D968" s="52" t="s">
        <v>464</v>
      </c>
      <c r="E968" s="113" t="s">
        <v>7</v>
      </c>
      <c r="F968" s="52"/>
      <c r="G968" s="53"/>
      <c r="H968" s="90"/>
    </row>
    <row r="969" spans="1:8" ht="12.95" customHeight="1">
      <c r="A969" s="78" t="s">
        <v>7</v>
      </c>
      <c r="B969" s="109" t="s">
        <v>7</v>
      </c>
      <c r="C969" s="100" t="s">
        <v>7</v>
      </c>
      <c r="D969" s="60" t="s">
        <v>7</v>
      </c>
      <c r="E969" s="112" t="s">
        <v>119</v>
      </c>
      <c r="F969" s="126"/>
      <c r="G969" s="54"/>
      <c r="H969" s="91"/>
    </row>
    <row r="970" spans="1:8" ht="12.95" customHeight="1">
      <c r="A970" s="78" t="s">
        <v>7</v>
      </c>
      <c r="B970" s="108" t="s">
        <v>465</v>
      </c>
      <c r="C970" s="98" t="s">
        <v>466</v>
      </c>
      <c r="D970" s="52" t="s">
        <v>7</v>
      </c>
      <c r="E970" s="113" t="s">
        <v>7</v>
      </c>
      <c r="F970" s="124"/>
      <c r="G970" s="53"/>
      <c r="H970" s="90"/>
    </row>
    <row r="971" spans="1:8" ht="12.95" customHeight="1">
      <c r="A971" s="78" t="s">
        <v>7</v>
      </c>
      <c r="B971" s="108" t="s">
        <v>7</v>
      </c>
      <c r="C971" s="98" t="s">
        <v>7</v>
      </c>
      <c r="D971" s="52" t="s">
        <v>379</v>
      </c>
      <c r="E971" s="113" t="s">
        <v>7</v>
      </c>
      <c r="F971" s="52"/>
      <c r="G971" s="53"/>
      <c r="H971" s="90"/>
    </row>
    <row r="972" spans="1:8" ht="12.95" customHeight="1">
      <c r="A972" s="78" t="s">
        <v>7</v>
      </c>
      <c r="B972" s="109" t="s">
        <v>7</v>
      </c>
      <c r="C972" s="100" t="s">
        <v>7</v>
      </c>
      <c r="D972" s="60" t="s">
        <v>7</v>
      </c>
      <c r="E972" s="112" t="s">
        <v>134</v>
      </c>
      <c r="F972" s="126"/>
      <c r="G972" s="54"/>
      <c r="H972" s="91"/>
    </row>
    <row r="973" spans="1:8" ht="12.95" customHeight="1">
      <c r="A973" s="78" t="s">
        <v>7</v>
      </c>
      <c r="B973" s="108" t="s">
        <v>150</v>
      </c>
      <c r="C973" s="98" t="s">
        <v>151</v>
      </c>
      <c r="D973" s="52" t="s">
        <v>7</v>
      </c>
      <c r="E973" s="113" t="s">
        <v>7</v>
      </c>
      <c r="F973" s="124"/>
      <c r="G973" s="53"/>
      <c r="H973" s="90"/>
    </row>
    <row r="974" spans="1:8" ht="12.95" customHeight="1">
      <c r="A974" s="78" t="s">
        <v>7</v>
      </c>
      <c r="B974" s="108" t="s">
        <v>7</v>
      </c>
      <c r="C974" s="98" t="s">
        <v>152</v>
      </c>
      <c r="D974" s="52" t="s">
        <v>464</v>
      </c>
      <c r="E974" s="113" t="s">
        <v>7</v>
      </c>
      <c r="F974" s="52"/>
      <c r="G974" s="53"/>
      <c r="H974" s="90"/>
    </row>
    <row r="975" spans="1:8" ht="12.95" customHeight="1">
      <c r="A975" s="78" t="s">
        <v>7</v>
      </c>
      <c r="B975" s="109" t="s">
        <v>7</v>
      </c>
      <c r="C975" s="100" t="s">
        <v>7</v>
      </c>
      <c r="D975" s="60" t="s">
        <v>7</v>
      </c>
      <c r="E975" s="112" t="s">
        <v>119</v>
      </c>
      <c r="F975" s="126"/>
      <c r="G975" s="54"/>
      <c r="H975" s="91"/>
    </row>
    <row r="976" spans="1:8" ht="12.95" customHeight="1">
      <c r="A976" s="78" t="s">
        <v>7</v>
      </c>
      <c r="B976" s="110" t="s">
        <v>34</v>
      </c>
      <c r="C976" s="98" t="s">
        <v>7</v>
      </c>
      <c r="D976" s="52" t="s">
        <v>7</v>
      </c>
      <c r="E976" s="113" t="s">
        <v>7</v>
      </c>
      <c r="F976" s="52"/>
      <c r="G976" s="53"/>
      <c r="H976" s="90"/>
    </row>
    <row r="977" spans="1:8" ht="12.95" customHeight="1">
      <c r="A977" s="78" t="s">
        <v>7</v>
      </c>
      <c r="B977" s="108" t="s">
        <v>7</v>
      </c>
      <c r="C977" s="98" t="s">
        <v>7</v>
      </c>
      <c r="D977" s="52" t="s">
        <v>7</v>
      </c>
      <c r="E977" s="113" t="s">
        <v>7</v>
      </c>
      <c r="F977" s="52"/>
      <c r="G977" s="53"/>
      <c r="H977" s="90" t="s">
        <v>7</v>
      </c>
    </row>
    <row r="978" spans="1:8" ht="12.95" customHeight="1">
      <c r="A978" s="78" t="s">
        <v>7</v>
      </c>
      <c r="B978" s="109" t="s">
        <v>7</v>
      </c>
      <c r="C978" s="100" t="s">
        <v>7</v>
      </c>
      <c r="D978" s="60" t="s">
        <v>7</v>
      </c>
      <c r="E978" s="112" t="s">
        <v>7</v>
      </c>
      <c r="F978" s="60"/>
      <c r="G978" s="54"/>
      <c r="H978" s="91" t="s">
        <v>7</v>
      </c>
    </row>
    <row r="979" spans="1:8" ht="12.95" customHeight="1">
      <c r="A979" s="78"/>
      <c r="B979" s="45"/>
      <c r="C979" s="32"/>
      <c r="D979" s="61"/>
      <c r="E979" s="46"/>
      <c r="F979" s="61"/>
      <c r="G979" s="55"/>
      <c r="H979" s="12"/>
    </row>
    <row r="980" spans="1:8" ht="12.95" customHeight="1">
      <c r="A980" s="78"/>
      <c r="B980" s="40"/>
      <c r="C980" s="25"/>
      <c r="D980" s="52"/>
      <c r="E980" s="44"/>
      <c r="F980" s="52"/>
      <c r="G980" s="53"/>
      <c r="H980" s="5"/>
    </row>
    <row r="981" spans="1:8" ht="12.95" customHeight="1">
      <c r="A981" s="78"/>
      <c r="B981" s="42"/>
      <c r="C981" s="28"/>
      <c r="D981" s="60"/>
      <c r="E981" s="43"/>
      <c r="F981" s="60"/>
      <c r="G981" s="54"/>
      <c r="H981" s="8"/>
    </row>
    <row r="982" spans="1:8" ht="12.95" customHeight="1">
      <c r="A982" s="78"/>
      <c r="B982" s="45"/>
      <c r="C982" s="32"/>
      <c r="D982" s="61"/>
      <c r="E982" s="46"/>
      <c r="F982" s="61"/>
      <c r="G982" s="55"/>
      <c r="H982" s="12"/>
    </row>
    <row r="983" spans="1:8" ht="12.95" customHeight="1">
      <c r="A983" s="78"/>
      <c r="B983" s="40"/>
      <c r="C983" s="25"/>
      <c r="D983" s="52"/>
      <c r="E983" s="44"/>
      <c r="F983" s="52"/>
      <c r="G983" s="53"/>
      <c r="H983" s="5"/>
    </row>
    <row r="984" spans="1:8" ht="12.95" customHeight="1">
      <c r="A984" s="78"/>
      <c r="B984" s="42"/>
      <c r="C984" s="28"/>
      <c r="D984" s="60"/>
      <c r="E984" s="43"/>
      <c r="F984" s="60"/>
      <c r="G984" s="54"/>
      <c r="H984" s="8"/>
    </row>
    <row r="985" spans="1:8" ht="12.95" customHeight="1">
      <c r="A985" s="78"/>
      <c r="B985" s="45"/>
      <c r="C985" s="32"/>
      <c r="D985" s="61"/>
      <c r="E985" s="46"/>
      <c r="F985" s="61"/>
      <c r="G985" s="55"/>
      <c r="H985" s="12"/>
    </row>
    <row r="986" spans="1:8" ht="12.95" customHeight="1">
      <c r="A986" s="78"/>
      <c r="B986" s="40"/>
      <c r="C986" s="25"/>
      <c r="D986" s="52"/>
      <c r="E986" s="44"/>
      <c r="F986" s="52"/>
      <c r="G986" s="53"/>
      <c r="H986" s="5"/>
    </row>
    <row r="987" spans="1:8" ht="12.95" customHeight="1">
      <c r="A987" s="78"/>
      <c r="B987" s="42"/>
      <c r="C987" s="28"/>
      <c r="D987" s="60"/>
      <c r="E987" s="43"/>
      <c r="F987" s="60"/>
      <c r="G987" s="54"/>
      <c r="H987" s="8"/>
    </row>
    <row r="988" spans="1:8" ht="12.95" customHeight="1">
      <c r="A988" s="78"/>
      <c r="B988" s="45"/>
      <c r="C988" s="32"/>
      <c r="D988" s="61"/>
      <c r="E988" s="46"/>
      <c r="F988" s="61"/>
      <c r="G988" s="55"/>
      <c r="H988" s="12"/>
    </row>
    <row r="989" spans="1:8" ht="12.95" customHeight="1">
      <c r="A989" s="78"/>
      <c r="B989" s="40"/>
      <c r="C989" s="25"/>
      <c r="D989" s="52"/>
      <c r="E989" s="44"/>
      <c r="F989" s="52"/>
      <c r="G989" s="53"/>
      <c r="H989" s="5"/>
    </row>
    <row r="990" spans="1:8" ht="12.95" customHeight="1">
      <c r="A990" s="78"/>
      <c r="B990" s="42"/>
      <c r="C990" s="28"/>
      <c r="D990" s="60"/>
      <c r="E990" s="43"/>
      <c r="F990" s="60"/>
      <c r="G990" s="54"/>
      <c r="H990" s="8"/>
    </row>
    <row r="991" spans="1:8" ht="12.95" customHeight="1">
      <c r="A991" s="78"/>
      <c r="B991" s="45"/>
      <c r="C991" s="32"/>
      <c r="D991" s="61"/>
      <c r="E991" s="46"/>
      <c r="F991" s="61"/>
      <c r="G991" s="55"/>
      <c r="H991" s="12"/>
    </row>
    <row r="992" spans="1:8" ht="12.95" customHeight="1">
      <c r="A992" s="78"/>
      <c r="B992" s="40"/>
      <c r="C992" s="25"/>
      <c r="D992" s="52"/>
      <c r="E992" s="44"/>
      <c r="F992" s="52"/>
      <c r="G992" s="53"/>
      <c r="H992" s="5"/>
    </row>
    <row r="993" spans="1:8" ht="12.95" customHeight="1">
      <c r="A993" s="78"/>
      <c r="B993" s="42"/>
      <c r="C993" s="28"/>
      <c r="D993" s="60"/>
      <c r="E993" s="43"/>
      <c r="F993" s="60"/>
      <c r="G993" s="54"/>
      <c r="H993" s="8"/>
    </row>
    <row r="994" spans="1:8" ht="12.95" customHeight="1">
      <c r="A994" s="78"/>
      <c r="B994" s="45"/>
      <c r="C994" s="32"/>
      <c r="D994" s="61"/>
      <c r="E994" s="46"/>
      <c r="F994" s="61"/>
      <c r="G994" s="55"/>
      <c r="H994" s="12"/>
    </row>
    <row r="995" spans="1:8" ht="12.95" customHeight="1">
      <c r="A995" s="78"/>
      <c r="B995" s="40"/>
      <c r="C995" s="25"/>
      <c r="D995" s="52"/>
      <c r="E995" s="44"/>
      <c r="F995" s="52"/>
      <c r="G995" s="53"/>
      <c r="H995" s="5"/>
    </row>
    <row r="996" spans="1:8" ht="12.95" customHeight="1">
      <c r="A996" s="78"/>
      <c r="B996" s="42"/>
      <c r="C996" s="28"/>
      <c r="D996" s="60"/>
      <c r="E996" s="43"/>
      <c r="F996" s="60"/>
      <c r="G996" s="54"/>
      <c r="H996" s="8"/>
    </row>
    <row r="997" spans="1:8" ht="12.95" customHeight="1">
      <c r="A997" s="78"/>
      <c r="B997" s="45"/>
      <c r="C997" s="32"/>
      <c r="D997" s="61"/>
      <c r="E997" s="46"/>
      <c r="F997" s="61"/>
      <c r="G997" s="55"/>
      <c r="H997" s="12"/>
    </row>
    <row r="998" spans="1:8" ht="12.95" customHeight="1">
      <c r="A998" s="78"/>
      <c r="B998" s="40"/>
      <c r="C998" s="25"/>
      <c r="D998" s="52"/>
      <c r="E998" s="44"/>
      <c r="F998" s="52"/>
      <c r="G998" s="53"/>
      <c r="H998" s="5"/>
    </row>
    <row r="999" spans="1:8" ht="12.95" customHeight="1">
      <c r="A999" s="78"/>
      <c r="B999" s="42"/>
      <c r="C999" s="28"/>
      <c r="D999" s="60"/>
      <c r="E999" s="43"/>
      <c r="F999" s="60"/>
      <c r="G999" s="54"/>
      <c r="H999" s="8"/>
    </row>
    <row r="1000" spans="1:8" ht="12.95" customHeight="1">
      <c r="A1000" s="78"/>
      <c r="B1000" s="45"/>
      <c r="C1000" s="32"/>
      <c r="D1000" s="61"/>
      <c r="E1000" s="47"/>
      <c r="F1000" s="65"/>
      <c r="G1000" s="55"/>
      <c r="H1000" s="12"/>
    </row>
    <row r="1001" spans="1:8" ht="12.95" customHeight="1">
      <c r="A1001" s="78"/>
      <c r="B1001" s="40"/>
      <c r="C1001" s="25"/>
      <c r="D1001" s="52"/>
      <c r="E1001" s="44"/>
      <c r="F1001" s="52"/>
      <c r="G1001" s="53"/>
      <c r="H1001" s="5"/>
    </row>
    <row r="1002" spans="1:8" ht="12.95" customHeight="1">
      <c r="A1002" s="78"/>
      <c r="B1002" s="42"/>
      <c r="C1002" s="28"/>
      <c r="D1002" s="60"/>
      <c r="E1002" s="43"/>
      <c r="F1002" s="60"/>
      <c r="G1002" s="54"/>
      <c r="H1002" s="8"/>
    </row>
    <row r="1003" spans="1:8" ht="12.95" customHeight="1">
      <c r="A1003" s="78"/>
      <c r="B1003" s="45"/>
      <c r="C1003" s="32"/>
      <c r="D1003" s="61"/>
      <c r="E1003" s="46"/>
      <c r="F1003" s="61"/>
      <c r="G1003" s="55"/>
      <c r="H1003" s="12"/>
    </row>
    <row r="1004" spans="1:8" ht="12.95" customHeight="1">
      <c r="A1004" s="78"/>
      <c r="B1004" s="40"/>
      <c r="C1004" s="25"/>
      <c r="D1004" s="52"/>
      <c r="E1004" s="44"/>
      <c r="F1004" s="52"/>
      <c r="G1004" s="53"/>
      <c r="H1004" s="5"/>
    </row>
    <row r="1005" spans="1:8" ht="12.95" customHeight="1">
      <c r="A1005" s="78"/>
      <c r="B1005" s="42"/>
      <c r="C1005" s="28"/>
      <c r="D1005" s="60"/>
      <c r="E1005" s="43"/>
      <c r="F1005" s="60"/>
      <c r="G1005" s="54"/>
      <c r="H1005" s="8"/>
    </row>
    <row r="1006" spans="1:8" ht="12.95" customHeight="1">
      <c r="A1006" s="78"/>
      <c r="B1006" s="45"/>
      <c r="C1006" s="32"/>
      <c r="D1006" s="61"/>
      <c r="E1006" s="46"/>
      <c r="F1006" s="61"/>
      <c r="G1006" s="55"/>
      <c r="H1006" s="12"/>
    </row>
    <row r="1007" spans="1:8" ht="12.95" customHeight="1">
      <c r="A1007" s="78"/>
      <c r="B1007" s="40"/>
      <c r="C1007" s="25"/>
      <c r="D1007" s="52"/>
      <c r="E1007" s="44"/>
      <c r="F1007" s="52"/>
      <c r="G1007" s="53"/>
      <c r="H1007" s="5"/>
    </row>
    <row r="1008" spans="1:8" ht="12.95" customHeight="1">
      <c r="A1008" s="78"/>
      <c r="B1008" s="42"/>
      <c r="C1008" s="28"/>
      <c r="D1008" s="60"/>
      <c r="E1008" s="43"/>
      <c r="F1008" s="60"/>
      <c r="G1008" s="54"/>
      <c r="H1008" s="8"/>
    </row>
    <row r="1009" spans="1:8" ht="12.95" customHeight="1">
      <c r="A1009" s="78"/>
      <c r="B1009" s="45"/>
      <c r="C1009" s="32"/>
      <c r="D1009" s="61"/>
      <c r="E1009" s="46"/>
      <c r="F1009" s="61"/>
      <c r="G1009" s="55"/>
      <c r="H1009" s="12"/>
    </row>
    <row r="1010" spans="1:8" ht="12.95" customHeight="1">
      <c r="A1010" s="78"/>
      <c r="B1010" s="40"/>
      <c r="C1010" s="25"/>
      <c r="D1010" s="52"/>
      <c r="E1010" s="41"/>
      <c r="F1010" s="64"/>
      <c r="G1010" s="53"/>
      <c r="H1010" s="5"/>
    </row>
    <row r="1011" spans="1:8" ht="12.95" customHeight="1">
      <c r="A1011" s="78"/>
      <c r="B1011" s="42"/>
      <c r="C1011" s="28"/>
      <c r="D1011" s="60"/>
      <c r="E1011" s="43"/>
      <c r="F1011" s="60"/>
      <c r="G1011" s="54"/>
      <c r="H1011" s="8"/>
    </row>
    <row r="1012" spans="1:8" ht="12.95" customHeight="1">
      <c r="A1012" s="78"/>
      <c r="B1012" s="45"/>
      <c r="C1012" s="32"/>
      <c r="D1012" s="61"/>
      <c r="E1012" s="46"/>
      <c r="F1012" s="61"/>
      <c r="G1012" s="55"/>
      <c r="H1012" s="12"/>
    </row>
    <row r="1013" spans="1:8" ht="12.95" customHeight="1">
      <c r="A1013" s="78"/>
      <c r="B1013" s="40"/>
      <c r="C1013" s="25"/>
      <c r="D1013" s="52"/>
      <c r="E1013" s="44"/>
      <c r="F1013" s="52"/>
      <c r="G1013" s="53"/>
      <c r="H1013" s="5"/>
    </row>
    <row r="1014" spans="1:8" ht="12.95" customHeight="1">
      <c r="A1014" s="78"/>
      <c r="B1014" s="42"/>
      <c r="C1014" s="28"/>
      <c r="D1014" s="60"/>
      <c r="E1014" s="43"/>
      <c r="F1014" s="60"/>
      <c r="G1014" s="54"/>
      <c r="H1014" s="8"/>
    </row>
    <row r="1015" spans="1:8" ht="12.95" customHeight="1">
      <c r="A1015" s="78"/>
      <c r="B1015" s="45"/>
      <c r="C1015" s="32"/>
      <c r="D1015" s="61"/>
      <c r="E1015" s="46"/>
      <c r="F1015" s="61"/>
      <c r="G1015" s="55"/>
      <c r="H1015" s="12"/>
    </row>
    <row r="1016" spans="1:8" ht="12.95" customHeight="1">
      <c r="A1016" s="78"/>
      <c r="B1016" s="40"/>
      <c r="C1016" s="25"/>
      <c r="D1016" s="52"/>
      <c r="E1016" s="44"/>
      <c r="F1016" s="52"/>
      <c r="G1016" s="53"/>
      <c r="H1016" s="5"/>
    </row>
    <row r="1017" spans="1:8" ht="12.95" customHeight="1">
      <c r="A1017" s="78"/>
      <c r="B1017" s="42"/>
      <c r="C1017" s="28"/>
      <c r="D1017" s="60"/>
      <c r="E1017" s="43"/>
      <c r="F1017" s="60"/>
      <c r="G1017" s="54"/>
      <c r="H1017" s="8"/>
    </row>
    <row r="1018" spans="1:8" ht="12.95" customHeight="1">
      <c r="A1018" s="78"/>
      <c r="B1018" s="45"/>
      <c r="C1018" s="32"/>
      <c r="D1018" s="61"/>
      <c r="E1018" s="46"/>
      <c r="F1018" s="61"/>
      <c r="G1018" s="55"/>
      <c r="H1018" s="12"/>
    </row>
    <row r="1019" spans="1:8" ht="12.95" customHeight="1">
      <c r="A1019" s="78"/>
      <c r="B1019" s="40"/>
      <c r="C1019" s="25"/>
      <c r="D1019" s="52"/>
      <c r="E1019" s="44"/>
      <c r="F1019" s="52"/>
      <c r="G1019" s="53"/>
      <c r="H1019" s="5"/>
    </row>
    <row r="1020" spans="1:8" ht="12.95" customHeight="1">
      <c r="A1020" s="78"/>
      <c r="B1020" s="42"/>
      <c r="C1020" s="28"/>
      <c r="D1020" s="60"/>
      <c r="E1020" s="48"/>
      <c r="F1020" s="66"/>
      <c r="G1020" s="54"/>
      <c r="H1020" s="8"/>
    </row>
    <row r="1021" spans="1:8" ht="12.95" customHeight="1">
      <c r="A1021" s="78"/>
      <c r="B1021" s="45"/>
      <c r="C1021" s="32"/>
      <c r="D1021" s="61"/>
      <c r="E1021" s="46"/>
      <c r="F1021" s="61"/>
      <c r="G1021" s="55"/>
      <c r="H1021" s="12"/>
    </row>
    <row r="1022" spans="1:8" ht="12.95" customHeight="1">
      <c r="A1022" s="78"/>
      <c r="B1022" s="40"/>
      <c r="C1022" s="25"/>
      <c r="D1022" s="62"/>
      <c r="E1022" s="44"/>
      <c r="F1022" s="62"/>
      <c r="G1022" s="53"/>
      <c r="H1022" s="5"/>
    </row>
    <row r="1023" spans="1:8" ht="12.95" customHeight="1">
      <c r="A1023" s="78"/>
      <c r="B1023" s="50"/>
      <c r="C1023" s="38"/>
      <c r="D1023" s="63"/>
      <c r="E1023" s="51"/>
      <c r="F1023" s="63"/>
      <c r="G1023" s="57"/>
      <c r="H1023" s="18"/>
    </row>
    <row r="1024" spans="1:8" ht="0.95" customHeight="1">
      <c r="B1024" s="19"/>
      <c r="C1024" s="19"/>
      <c r="D1024" s="19"/>
      <c r="E1024" s="19"/>
      <c r="F1024" s="67"/>
      <c r="G1024" s="19"/>
      <c r="H1024" s="19"/>
    </row>
    <row r="1025" spans="1:8" s="1" customFormat="1" ht="18" customHeight="1">
      <c r="B1025" s="79" t="s">
        <v>467</v>
      </c>
      <c r="C1025" s="79"/>
      <c r="D1025" s="79"/>
      <c r="E1025" s="79"/>
      <c r="F1025" s="79"/>
      <c r="G1025" s="79"/>
      <c r="H1025" s="80"/>
    </row>
    <row r="1026" spans="1:8" ht="21" customHeight="1">
      <c r="A1026" s="78"/>
      <c r="B1026" s="207" t="s">
        <v>40</v>
      </c>
      <c r="C1026" s="208"/>
      <c r="D1026" s="208" t="s">
        <v>40</v>
      </c>
      <c r="E1026" s="208"/>
      <c r="F1026" s="208"/>
      <c r="G1026" s="208" t="s">
        <v>468</v>
      </c>
      <c r="H1026" s="209"/>
    </row>
    <row r="1027" spans="1:8" ht="21" customHeight="1">
      <c r="A1027" s="78"/>
      <c r="B1027" s="105" t="s">
        <v>140</v>
      </c>
      <c r="C1027" s="106" t="s">
        <v>141</v>
      </c>
      <c r="D1027" s="106" t="s">
        <v>142</v>
      </c>
      <c r="E1027" s="106" t="s">
        <v>38</v>
      </c>
      <c r="F1027" s="106" t="s">
        <v>143</v>
      </c>
      <c r="G1027" s="106" t="s">
        <v>144</v>
      </c>
      <c r="H1027" s="107" t="s">
        <v>27</v>
      </c>
    </row>
    <row r="1028" spans="1:8" ht="12.95" customHeight="1">
      <c r="A1028" s="78" t="s">
        <v>7</v>
      </c>
      <c r="B1028" s="108" t="s">
        <v>469</v>
      </c>
      <c r="C1028" s="98" t="s">
        <v>470</v>
      </c>
      <c r="D1028" s="52" t="s">
        <v>7</v>
      </c>
      <c r="E1028" s="113" t="s">
        <v>7</v>
      </c>
      <c r="F1028" s="124" t="s">
        <v>7</v>
      </c>
      <c r="G1028" s="53" t="s">
        <v>7</v>
      </c>
      <c r="H1028" s="90"/>
    </row>
    <row r="1029" spans="1:8" ht="12.95" customHeight="1">
      <c r="A1029" s="78" t="s">
        <v>7</v>
      </c>
      <c r="B1029" s="108" t="s">
        <v>7</v>
      </c>
      <c r="C1029" s="98" t="s">
        <v>7</v>
      </c>
      <c r="D1029" s="52" t="s">
        <v>30</v>
      </c>
      <c r="E1029" s="113" t="s">
        <v>7</v>
      </c>
      <c r="F1029" s="52" t="s">
        <v>7</v>
      </c>
      <c r="G1029" s="53"/>
      <c r="H1029" s="90"/>
    </row>
    <row r="1030" spans="1:8" ht="12.95" customHeight="1">
      <c r="A1030" s="78" t="s">
        <v>7</v>
      </c>
      <c r="B1030" s="109" t="s">
        <v>7</v>
      </c>
      <c r="C1030" s="100" t="s">
        <v>7</v>
      </c>
      <c r="D1030" s="60" t="s">
        <v>7</v>
      </c>
      <c r="E1030" s="112" t="s">
        <v>31</v>
      </c>
      <c r="F1030" s="126" t="s">
        <v>7</v>
      </c>
      <c r="G1030" s="54"/>
      <c r="H1030" s="91"/>
    </row>
    <row r="1031" spans="1:8" ht="12.95" customHeight="1">
      <c r="A1031" s="78" t="s">
        <v>7</v>
      </c>
      <c r="B1031" s="108" t="s">
        <v>471</v>
      </c>
      <c r="C1031" s="98" t="s">
        <v>472</v>
      </c>
      <c r="D1031" s="52" t="s">
        <v>7</v>
      </c>
      <c r="E1031" s="113" t="s">
        <v>7</v>
      </c>
      <c r="F1031" s="124" t="s">
        <v>7</v>
      </c>
      <c r="G1031" s="53"/>
      <c r="H1031" s="90"/>
    </row>
    <row r="1032" spans="1:8" ht="12.95" customHeight="1">
      <c r="A1032" s="78" t="s">
        <v>7</v>
      </c>
      <c r="B1032" s="108" t="s">
        <v>7</v>
      </c>
      <c r="C1032" s="98" t="s">
        <v>473</v>
      </c>
      <c r="D1032" s="52" t="s">
        <v>30</v>
      </c>
      <c r="E1032" s="113" t="s">
        <v>7</v>
      </c>
      <c r="F1032" s="52" t="s">
        <v>7</v>
      </c>
      <c r="G1032" s="53"/>
      <c r="H1032" s="90"/>
    </row>
    <row r="1033" spans="1:8" ht="12.95" customHeight="1">
      <c r="A1033" s="78" t="s">
        <v>7</v>
      </c>
      <c r="B1033" s="109" t="s">
        <v>7</v>
      </c>
      <c r="C1033" s="100" t="s">
        <v>474</v>
      </c>
      <c r="D1033" s="60" t="s">
        <v>7</v>
      </c>
      <c r="E1033" s="112" t="s">
        <v>31</v>
      </c>
      <c r="F1033" s="126" t="s">
        <v>7</v>
      </c>
      <c r="G1033" s="54"/>
      <c r="H1033" s="91"/>
    </row>
    <row r="1034" spans="1:8" ht="12.95" customHeight="1">
      <c r="A1034" s="78" t="s">
        <v>7</v>
      </c>
      <c r="B1034" s="108" t="s">
        <v>471</v>
      </c>
      <c r="C1034" s="98" t="s">
        <v>475</v>
      </c>
      <c r="D1034" s="52" t="s">
        <v>7</v>
      </c>
      <c r="E1034" s="113" t="s">
        <v>7</v>
      </c>
      <c r="F1034" s="124" t="s">
        <v>7</v>
      </c>
      <c r="G1034" s="53"/>
      <c r="H1034" s="90"/>
    </row>
    <row r="1035" spans="1:8" ht="12.95" customHeight="1">
      <c r="A1035" s="78" t="s">
        <v>7</v>
      </c>
      <c r="B1035" s="108" t="s">
        <v>7</v>
      </c>
      <c r="C1035" s="98" t="s">
        <v>473</v>
      </c>
      <c r="D1035" s="52" t="s">
        <v>30</v>
      </c>
      <c r="E1035" s="113" t="s">
        <v>7</v>
      </c>
      <c r="F1035" s="52" t="s">
        <v>7</v>
      </c>
      <c r="G1035" s="53"/>
      <c r="H1035" s="90"/>
    </row>
    <row r="1036" spans="1:8" ht="12.95" customHeight="1">
      <c r="A1036" s="78" t="s">
        <v>7</v>
      </c>
      <c r="B1036" s="109" t="s">
        <v>7</v>
      </c>
      <c r="C1036" s="100" t="s">
        <v>474</v>
      </c>
      <c r="D1036" s="60" t="s">
        <v>7</v>
      </c>
      <c r="E1036" s="112" t="s">
        <v>31</v>
      </c>
      <c r="F1036" s="126" t="s">
        <v>7</v>
      </c>
      <c r="G1036" s="54"/>
      <c r="H1036" s="91"/>
    </row>
    <row r="1037" spans="1:8" ht="12.95" customHeight="1">
      <c r="A1037" s="78" t="s">
        <v>7</v>
      </c>
      <c r="B1037" s="108" t="s">
        <v>471</v>
      </c>
      <c r="C1037" s="98" t="s">
        <v>476</v>
      </c>
      <c r="D1037" s="52" t="s">
        <v>7</v>
      </c>
      <c r="E1037" s="113" t="s">
        <v>7</v>
      </c>
      <c r="F1037" s="124" t="s">
        <v>7</v>
      </c>
      <c r="G1037" s="53"/>
      <c r="H1037" s="90"/>
    </row>
    <row r="1038" spans="1:8" ht="12.95" customHeight="1">
      <c r="A1038" s="78" t="s">
        <v>7</v>
      </c>
      <c r="B1038" s="108" t="s">
        <v>7</v>
      </c>
      <c r="C1038" s="98" t="s">
        <v>473</v>
      </c>
      <c r="D1038" s="52" t="s">
        <v>30</v>
      </c>
      <c r="E1038" s="113" t="s">
        <v>7</v>
      </c>
      <c r="F1038" s="52" t="s">
        <v>7</v>
      </c>
      <c r="G1038" s="53"/>
      <c r="H1038" s="90"/>
    </row>
    <row r="1039" spans="1:8" ht="12.95" customHeight="1">
      <c r="A1039" s="78" t="s">
        <v>7</v>
      </c>
      <c r="B1039" s="109" t="s">
        <v>7</v>
      </c>
      <c r="C1039" s="100" t="s">
        <v>474</v>
      </c>
      <c r="D1039" s="60" t="s">
        <v>7</v>
      </c>
      <c r="E1039" s="112" t="s">
        <v>31</v>
      </c>
      <c r="F1039" s="126" t="s">
        <v>7</v>
      </c>
      <c r="G1039" s="54"/>
      <c r="H1039" s="91"/>
    </row>
    <row r="1040" spans="1:8" ht="12.95" customHeight="1">
      <c r="A1040" s="78" t="s">
        <v>7</v>
      </c>
      <c r="B1040" s="110" t="s">
        <v>34</v>
      </c>
      <c r="C1040" s="98" t="s">
        <v>7</v>
      </c>
      <c r="D1040" s="52" t="s">
        <v>7</v>
      </c>
      <c r="E1040" s="113" t="s">
        <v>7</v>
      </c>
      <c r="F1040" s="52" t="s">
        <v>7</v>
      </c>
      <c r="G1040" s="53"/>
      <c r="H1040" s="90"/>
    </row>
    <row r="1041" spans="1:8" ht="12.95" customHeight="1">
      <c r="A1041" s="78" t="s">
        <v>7</v>
      </c>
      <c r="B1041" s="108" t="s">
        <v>7</v>
      </c>
      <c r="C1041" s="98" t="s">
        <v>7</v>
      </c>
      <c r="D1041" s="52" t="s">
        <v>7</v>
      </c>
      <c r="E1041" s="113" t="s">
        <v>7</v>
      </c>
      <c r="F1041" s="52" t="s">
        <v>7</v>
      </c>
      <c r="G1041" s="53"/>
      <c r="H1041" s="90"/>
    </row>
    <row r="1042" spans="1:8" ht="12.95" customHeight="1">
      <c r="A1042" s="78" t="s">
        <v>7</v>
      </c>
      <c r="B1042" s="109" t="s">
        <v>7</v>
      </c>
      <c r="C1042" s="100" t="s">
        <v>7</v>
      </c>
      <c r="D1042" s="60" t="s">
        <v>7</v>
      </c>
      <c r="E1042" s="112" t="s">
        <v>7</v>
      </c>
      <c r="F1042" s="60" t="s">
        <v>7</v>
      </c>
      <c r="G1042" s="54"/>
      <c r="H1042" s="91"/>
    </row>
    <row r="1043" spans="1:8" ht="12.95" customHeight="1">
      <c r="A1043" s="78"/>
      <c r="B1043" s="45"/>
      <c r="C1043" s="32"/>
      <c r="D1043" s="61"/>
      <c r="E1043" s="46"/>
      <c r="F1043" s="61"/>
      <c r="G1043" s="55"/>
      <c r="H1043" s="12"/>
    </row>
    <row r="1044" spans="1:8" ht="12.95" customHeight="1">
      <c r="A1044" s="78"/>
      <c r="B1044" s="40"/>
      <c r="C1044" s="25"/>
      <c r="D1044" s="52"/>
      <c r="E1044" s="44"/>
      <c r="F1044" s="52"/>
      <c r="G1044" s="53"/>
      <c r="H1044" s="5"/>
    </row>
    <row r="1045" spans="1:8" ht="12.95" customHeight="1">
      <c r="A1045" s="78"/>
      <c r="B1045" s="42"/>
      <c r="C1045" s="28"/>
      <c r="D1045" s="60"/>
      <c r="E1045" s="43"/>
      <c r="F1045" s="60"/>
      <c r="G1045" s="54"/>
      <c r="H1045" s="8"/>
    </row>
    <row r="1046" spans="1:8" ht="12.95" customHeight="1">
      <c r="A1046" s="78"/>
      <c r="B1046" s="45"/>
      <c r="C1046" s="32"/>
      <c r="D1046" s="61"/>
      <c r="E1046" s="46"/>
      <c r="F1046" s="61"/>
      <c r="G1046" s="55"/>
      <c r="H1046" s="12"/>
    </row>
    <row r="1047" spans="1:8" ht="12.95" customHeight="1">
      <c r="A1047" s="78"/>
      <c r="B1047" s="40"/>
      <c r="C1047" s="25"/>
      <c r="D1047" s="52"/>
      <c r="E1047" s="44"/>
      <c r="F1047" s="52"/>
      <c r="G1047" s="53"/>
      <c r="H1047" s="5"/>
    </row>
    <row r="1048" spans="1:8" ht="12.95" customHeight="1">
      <c r="A1048" s="78"/>
      <c r="B1048" s="42"/>
      <c r="C1048" s="28"/>
      <c r="D1048" s="60"/>
      <c r="E1048" s="43"/>
      <c r="F1048" s="60"/>
      <c r="G1048" s="54"/>
      <c r="H1048" s="8"/>
    </row>
    <row r="1049" spans="1:8" ht="12.95" customHeight="1">
      <c r="A1049" s="78"/>
      <c r="B1049" s="45"/>
      <c r="C1049" s="32"/>
      <c r="D1049" s="61"/>
      <c r="E1049" s="46"/>
      <c r="F1049" s="61"/>
      <c r="G1049" s="55"/>
      <c r="H1049" s="12"/>
    </row>
    <row r="1050" spans="1:8" ht="12.95" customHeight="1">
      <c r="A1050" s="78"/>
      <c r="B1050" s="40"/>
      <c r="C1050" s="25"/>
      <c r="D1050" s="52"/>
      <c r="E1050" s="44"/>
      <c r="F1050" s="52"/>
      <c r="G1050" s="53"/>
      <c r="H1050" s="5"/>
    </row>
    <row r="1051" spans="1:8" ht="12.95" customHeight="1">
      <c r="A1051" s="78"/>
      <c r="B1051" s="42"/>
      <c r="C1051" s="28"/>
      <c r="D1051" s="60"/>
      <c r="E1051" s="43"/>
      <c r="F1051" s="60"/>
      <c r="G1051" s="54"/>
      <c r="H1051" s="8"/>
    </row>
    <row r="1052" spans="1:8" ht="12.95" customHeight="1">
      <c r="A1052" s="78"/>
      <c r="B1052" s="45"/>
      <c r="C1052" s="32"/>
      <c r="D1052" s="61"/>
      <c r="E1052" s="46"/>
      <c r="F1052" s="61"/>
      <c r="G1052" s="55"/>
      <c r="H1052" s="12"/>
    </row>
    <row r="1053" spans="1:8" ht="12.95" customHeight="1">
      <c r="A1053" s="78"/>
      <c r="B1053" s="40"/>
      <c r="C1053" s="25"/>
      <c r="D1053" s="52"/>
      <c r="E1053" s="44"/>
      <c r="F1053" s="52"/>
      <c r="G1053" s="53"/>
      <c r="H1053" s="5"/>
    </row>
    <row r="1054" spans="1:8" ht="12.95" customHeight="1">
      <c r="A1054" s="78"/>
      <c r="B1054" s="42"/>
      <c r="C1054" s="28"/>
      <c r="D1054" s="60"/>
      <c r="E1054" s="43"/>
      <c r="F1054" s="60"/>
      <c r="G1054" s="54"/>
      <c r="H1054" s="8"/>
    </row>
    <row r="1055" spans="1:8" ht="12.95" customHeight="1">
      <c r="A1055" s="78"/>
      <c r="B1055" s="45"/>
      <c r="C1055" s="32"/>
      <c r="D1055" s="61"/>
      <c r="E1055" s="46"/>
      <c r="F1055" s="61"/>
      <c r="G1055" s="55"/>
      <c r="H1055" s="12"/>
    </row>
    <row r="1056" spans="1:8" ht="12.95" customHeight="1">
      <c r="A1056" s="78"/>
      <c r="B1056" s="40"/>
      <c r="C1056" s="25"/>
      <c r="D1056" s="52"/>
      <c r="E1056" s="44"/>
      <c r="F1056" s="52"/>
      <c r="G1056" s="53"/>
      <c r="H1056" s="5"/>
    </row>
    <row r="1057" spans="1:8" ht="12.95" customHeight="1">
      <c r="A1057" s="78"/>
      <c r="B1057" s="42"/>
      <c r="C1057" s="28"/>
      <c r="D1057" s="60"/>
      <c r="E1057" s="43"/>
      <c r="F1057" s="60"/>
      <c r="G1057" s="54"/>
      <c r="H1057" s="8"/>
    </row>
    <row r="1058" spans="1:8" ht="12.95" customHeight="1">
      <c r="A1058" s="78"/>
      <c r="B1058" s="45"/>
      <c r="C1058" s="32"/>
      <c r="D1058" s="61"/>
      <c r="E1058" s="46"/>
      <c r="F1058" s="61"/>
      <c r="G1058" s="55"/>
      <c r="H1058" s="12"/>
    </row>
    <row r="1059" spans="1:8" ht="12.95" customHeight="1">
      <c r="A1059" s="78"/>
      <c r="B1059" s="40"/>
      <c r="C1059" s="25"/>
      <c r="D1059" s="52"/>
      <c r="E1059" s="44"/>
      <c r="F1059" s="52"/>
      <c r="G1059" s="53"/>
      <c r="H1059" s="5"/>
    </row>
    <row r="1060" spans="1:8" ht="12.95" customHeight="1">
      <c r="A1060" s="78"/>
      <c r="B1060" s="42"/>
      <c r="C1060" s="28"/>
      <c r="D1060" s="60"/>
      <c r="E1060" s="43"/>
      <c r="F1060" s="60"/>
      <c r="G1060" s="54"/>
      <c r="H1060" s="8"/>
    </row>
    <row r="1061" spans="1:8" ht="12.95" customHeight="1">
      <c r="A1061" s="78"/>
      <c r="B1061" s="45"/>
      <c r="C1061" s="32"/>
      <c r="D1061" s="61"/>
      <c r="E1061" s="46"/>
      <c r="F1061" s="61"/>
      <c r="G1061" s="55"/>
      <c r="H1061" s="12"/>
    </row>
    <row r="1062" spans="1:8" ht="12.95" customHeight="1">
      <c r="A1062" s="78"/>
      <c r="B1062" s="40"/>
      <c r="C1062" s="25"/>
      <c r="D1062" s="52"/>
      <c r="E1062" s="44"/>
      <c r="F1062" s="52"/>
      <c r="G1062" s="53"/>
      <c r="H1062" s="5"/>
    </row>
    <row r="1063" spans="1:8" ht="12.95" customHeight="1">
      <c r="A1063" s="78"/>
      <c r="B1063" s="42"/>
      <c r="C1063" s="28"/>
      <c r="D1063" s="60"/>
      <c r="E1063" s="43"/>
      <c r="F1063" s="60"/>
      <c r="G1063" s="54"/>
      <c r="H1063" s="8"/>
    </row>
    <row r="1064" spans="1:8" ht="12.95" customHeight="1">
      <c r="A1064" s="78"/>
      <c r="B1064" s="45"/>
      <c r="C1064" s="32"/>
      <c r="D1064" s="61"/>
      <c r="E1064" s="47"/>
      <c r="F1064" s="65"/>
      <c r="G1064" s="55"/>
      <c r="H1064" s="12"/>
    </row>
    <row r="1065" spans="1:8" ht="12.95" customHeight="1">
      <c r="A1065" s="78"/>
      <c r="B1065" s="40"/>
      <c r="C1065" s="25"/>
      <c r="D1065" s="52"/>
      <c r="E1065" s="44"/>
      <c r="F1065" s="52"/>
      <c r="G1065" s="53"/>
      <c r="H1065" s="5"/>
    </row>
    <row r="1066" spans="1:8" ht="12.95" customHeight="1">
      <c r="A1066" s="78"/>
      <c r="B1066" s="42"/>
      <c r="C1066" s="28"/>
      <c r="D1066" s="60"/>
      <c r="E1066" s="43"/>
      <c r="F1066" s="60"/>
      <c r="G1066" s="54"/>
      <c r="H1066" s="8"/>
    </row>
    <row r="1067" spans="1:8" ht="12.95" customHeight="1">
      <c r="A1067" s="78"/>
      <c r="B1067" s="45"/>
      <c r="C1067" s="32"/>
      <c r="D1067" s="61"/>
      <c r="E1067" s="46"/>
      <c r="F1067" s="61"/>
      <c r="G1067" s="55"/>
      <c r="H1067" s="12"/>
    </row>
    <row r="1068" spans="1:8" ht="12.95" customHeight="1">
      <c r="A1068" s="78"/>
      <c r="B1068" s="40"/>
      <c r="C1068" s="25"/>
      <c r="D1068" s="52"/>
      <c r="E1068" s="44"/>
      <c r="F1068" s="52"/>
      <c r="G1068" s="53"/>
      <c r="H1068" s="5"/>
    </row>
    <row r="1069" spans="1:8" ht="12.95" customHeight="1">
      <c r="A1069" s="78"/>
      <c r="B1069" s="42"/>
      <c r="C1069" s="28"/>
      <c r="D1069" s="60"/>
      <c r="E1069" s="43"/>
      <c r="F1069" s="60"/>
      <c r="G1069" s="54"/>
      <c r="H1069" s="8"/>
    </row>
    <row r="1070" spans="1:8" ht="12.95" customHeight="1">
      <c r="A1070" s="78"/>
      <c r="B1070" s="45"/>
      <c r="C1070" s="32"/>
      <c r="D1070" s="61"/>
      <c r="E1070" s="46"/>
      <c r="F1070" s="61"/>
      <c r="G1070" s="55"/>
      <c r="H1070" s="12"/>
    </row>
    <row r="1071" spans="1:8" ht="12.95" customHeight="1">
      <c r="A1071" s="78"/>
      <c r="B1071" s="40"/>
      <c r="C1071" s="25"/>
      <c r="D1071" s="52"/>
      <c r="E1071" s="44"/>
      <c r="F1071" s="52"/>
      <c r="G1071" s="53"/>
      <c r="H1071" s="5"/>
    </row>
    <row r="1072" spans="1:8" ht="12.95" customHeight="1">
      <c r="A1072" s="78"/>
      <c r="B1072" s="42"/>
      <c r="C1072" s="28"/>
      <c r="D1072" s="60"/>
      <c r="E1072" s="43"/>
      <c r="F1072" s="60"/>
      <c r="G1072" s="54"/>
      <c r="H1072" s="8"/>
    </row>
    <row r="1073" spans="1:8" ht="12.95" customHeight="1">
      <c r="A1073" s="78"/>
      <c r="B1073" s="45"/>
      <c r="C1073" s="32"/>
      <c r="D1073" s="61"/>
      <c r="E1073" s="46"/>
      <c r="F1073" s="61"/>
      <c r="G1073" s="55"/>
      <c r="H1073" s="12"/>
    </row>
    <row r="1074" spans="1:8" ht="12.95" customHeight="1">
      <c r="A1074" s="78"/>
      <c r="B1074" s="40"/>
      <c r="C1074" s="25"/>
      <c r="D1074" s="52"/>
      <c r="E1074" s="41"/>
      <c r="F1074" s="64"/>
      <c r="G1074" s="53"/>
      <c r="H1074" s="5"/>
    </row>
    <row r="1075" spans="1:8" ht="12.95" customHeight="1">
      <c r="A1075" s="78"/>
      <c r="B1075" s="42"/>
      <c r="C1075" s="28"/>
      <c r="D1075" s="60"/>
      <c r="E1075" s="43"/>
      <c r="F1075" s="60"/>
      <c r="G1075" s="54"/>
      <c r="H1075" s="8"/>
    </row>
    <row r="1076" spans="1:8" ht="12.95" customHeight="1">
      <c r="A1076" s="78"/>
      <c r="B1076" s="45"/>
      <c r="C1076" s="32"/>
      <c r="D1076" s="61"/>
      <c r="E1076" s="46"/>
      <c r="F1076" s="61"/>
      <c r="G1076" s="55"/>
      <c r="H1076" s="12"/>
    </row>
    <row r="1077" spans="1:8" ht="12.95" customHeight="1">
      <c r="A1077" s="78"/>
      <c r="B1077" s="40"/>
      <c r="C1077" s="25"/>
      <c r="D1077" s="52"/>
      <c r="E1077" s="44"/>
      <c r="F1077" s="52"/>
      <c r="G1077" s="53"/>
      <c r="H1077" s="5"/>
    </row>
    <row r="1078" spans="1:8" ht="12.95" customHeight="1">
      <c r="A1078" s="78"/>
      <c r="B1078" s="42"/>
      <c r="C1078" s="28"/>
      <c r="D1078" s="60"/>
      <c r="E1078" s="43"/>
      <c r="F1078" s="60"/>
      <c r="G1078" s="54"/>
      <c r="H1078" s="8"/>
    </row>
    <row r="1079" spans="1:8" ht="12.95" customHeight="1">
      <c r="A1079" s="78"/>
      <c r="B1079" s="45"/>
      <c r="C1079" s="32"/>
      <c r="D1079" s="61"/>
      <c r="E1079" s="46"/>
      <c r="F1079" s="61"/>
      <c r="G1079" s="55"/>
      <c r="H1079" s="12"/>
    </row>
    <row r="1080" spans="1:8" ht="12.95" customHeight="1">
      <c r="A1080" s="78"/>
      <c r="B1080" s="40"/>
      <c r="C1080" s="25"/>
      <c r="D1080" s="52"/>
      <c r="E1080" s="44"/>
      <c r="F1080" s="52"/>
      <c r="G1080" s="53"/>
      <c r="H1080" s="5"/>
    </row>
    <row r="1081" spans="1:8" ht="12.95" customHeight="1">
      <c r="A1081" s="78"/>
      <c r="B1081" s="42"/>
      <c r="C1081" s="28"/>
      <c r="D1081" s="60"/>
      <c r="E1081" s="43"/>
      <c r="F1081" s="60"/>
      <c r="G1081" s="54"/>
      <c r="H1081" s="8"/>
    </row>
    <row r="1082" spans="1:8" ht="12.95" customHeight="1">
      <c r="A1082" s="78"/>
      <c r="B1082" s="45"/>
      <c r="C1082" s="32"/>
      <c r="D1082" s="61"/>
      <c r="E1082" s="46"/>
      <c r="F1082" s="61"/>
      <c r="G1082" s="55"/>
      <c r="H1082" s="12"/>
    </row>
    <row r="1083" spans="1:8" ht="12.95" customHeight="1">
      <c r="A1083" s="78"/>
      <c r="B1083" s="40"/>
      <c r="C1083" s="25"/>
      <c r="D1083" s="52"/>
      <c r="E1083" s="44"/>
      <c r="F1083" s="52"/>
      <c r="G1083" s="53"/>
      <c r="H1083" s="5"/>
    </row>
    <row r="1084" spans="1:8" ht="12.95" customHeight="1">
      <c r="A1084" s="78"/>
      <c r="B1084" s="42"/>
      <c r="C1084" s="28"/>
      <c r="D1084" s="60"/>
      <c r="E1084" s="48"/>
      <c r="F1084" s="66"/>
      <c r="G1084" s="54"/>
      <c r="H1084" s="8"/>
    </row>
    <row r="1085" spans="1:8" ht="12.95" customHeight="1">
      <c r="A1085" s="78"/>
      <c r="B1085" s="45"/>
      <c r="C1085" s="32"/>
      <c r="D1085" s="61"/>
      <c r="E1085" s="46"/>
      <c r="F1085" s="61"/>
      <c r="G1085" s="55"/>
      <c r="H1085" s="12"/>
    </row>
    <row r="1086" spans="1:8" ht="12.95" customHeight="1">
      <c r="A1086" s="78"/>
      <c r="B1086" s="40"/>
      <c r="C1086" s="25"/>
      <c r="D1086" s="62"/>
      <c r="E1086" s="44"/>
      <c r="F1086" s="62"/>
      <c r="G1086" s="53"/>
      <c r="H1086" s="5"/>
    </row>
    <row r="1087" spans="1:8" ht="12.95" customHeight="1">
      <c r="A1087" s="78"/>
      <c r="B1087" s="50"/>
      <c r="C1087" s="38"/>
      <c r="D1087" s="63"/>
      <c r="E1087" s="51"/>
      <c r="F1087" s="63"/>
      <c r="G1087" s="57"/>
      <c r="H1087" s="18"/>
    </row>
    <row r="1088" spans="1:8" ht="0.95" customHeight="1">
      <c r="B1088" s="19"/>
      <c r="C1088" s="19"/>
      <c r="D1088" s="19"/>
      <c r="E1088" s="19"/>
      <c r="F1088" s="67"/>
      <c r="G1088" s="19"/>
      <c r="H1088" s="19"/>
    </row>
    <row r="1089" spans="1:8" s="1" customFormat="1" ht="18" customHeight="1">
      <c r="B1089" s="79" t="s">
        <v>467</v>
      </c>
      <c r="C1089" s="79"/>
      <c r="D1089" s="79"/>
      <c r="E1089" s="79"/>
      <c r="F1089" s="79"/>
      <c r="G1089" s="79"/>
      <c r="H1089" s="80"/>
    </row>
    <row r="1090" spans="1:8" ht="21" customHeight="1">
      <c r="A1090" s="78"/>
      <c r="B1090" s="207" t="s">
        <v>40</v>
      </c>
      <c r="C1090" s="208"/>
      <c r="D1090" s="208" t="s">
        <v>40</v>
      </c>
      <c r="E1090" s="208"/>
      <c r="F1090" s="208"/>
      <c r="G1090" s="208" t="s">
        <v>477</v>
      </c>
      <c r="H1090" s="209"/>
    </row>
    <row r="1091" spans="1:8" ht="21" customHeight="1">
      <c r="A1091" s="78"/>
      <c r="B1091" s="105" t="s">
        <v>140</v>
      </c>
      <c r="C1091" s="106" t="s">
        <v>141</v>
      </c>
      <c r="D1091" s="106" t="s">
        <v>142</v>
      </c>
      <c r="E1091" s="106" t="s">
        <v>38</v>
      </c>
      <c r="F1091" s="106" t="s">
        <v>143</v>
      </c>
      <c r="G1091" s="106" t="s">
        <v>144</v>
      </c>
      <c r="H1091" s="107" t="s">
        <v>27</v>
      </c>
    </row>
    <row r="1092" spans="1:8" ht="12.95" customHeight="1">
      <c r="A1092" s="78" t="s">
        <v>7</v>
      </c>
      <c r="B1092" s="108" t="s">
        <v>478</v>
      </c>
      <c r="C1092" s="98" t="s">
        <v>472</v>
      </c>
      <c r="D1092" s="52" t="s">
        <v>7</v>
      </c>
      <c r="E1092" s="113" t="s">
        <v>7</v>
      </c>
      <c r="F1092" s="124" t="s">
        <v>7</v>
      </c>
      <c r="G1092" s="53" t="s">
        <v>7</v>
      </c>
      <c r="H1092" s="90"/>
    </row>
    <row r="1093" spans="1:8" ht="12.95" customHeight="1">
      <c r="A1093" s="78" t="s">
        <v>7</v>
      </c>
      <c r="B1093" s="108" t="s">
        <v>7</v>
      </c>
      <c r="C1093" s="98" t="s">
        <v>479</v>
      </c>
      <c r="D1093" s="52" t="s">
        <v>30</v>
      </c>
      <c r="E1093" s="113" t="s">
        <v>7</v>
      </c>
      <c r="F1093" s="52" t="s">
        <v>7</v>
      </c>
      <c r="G1093" s="53"/>
      <c r="H1093" s="90"/>
    </row>
    <row r="1094" spans="1:8" ht="12.95" customHeight="1">
      <c r="A1094" s="78" t="s">
        <v>7</v>
      </c>
      <c r="B1094" s="109" t="s">
        <v>7</v>
      </c>
      <c r="C1094" s="100" t="s">
        <v>7</v>
      </c>
      <c r="D1094" s="60" t="s">
        <v>7</v>
      </c>
      <c r="E1094" s="112" t="s">
        <v>31</v>
      </c>
      <c r="F1094" s="126" t="s">
        <v>7</v>
      </c>
      <c r="G1094" s="54"/>
      <c r="H1094" s="91"/>
    </row>
    <row r="1095" spans="1:8" ht="12.95" customHeight="1">
      <c r="A1095" s="78" t="s">
        <v>7</v>
      </c>
      <c r="B1095" s="108" t="s">
        <v>478</v>
      </c>
      <c r="C1095" s="98" t="s">
        <v>475</v>
      </c>
      <c r="D1095" s="52" t="s">
        <v>7</v>
      </c>
      <c r="E1095" s="113" t="s">
        <v>7</v>
      </c>
      <c r="F1095" s="124" t="s">
        <v>7</v>
      </c>
      <c r="G1095" s="53"/>
      <c r="H1095" s="90"/>
    </row>
    <row r="1096" spans="1:8" ht="12.95" customHeight="1">
      <c r="A1096" s="78" t="s">
        <v>7</v>
      </c>
      <c r="B1096" s="108" t="s">
        <v>7</v>
      </c>
      <c r="C1096" s="98" t="s">
        <v>480</v>
      </c>
      <c r="D1096" s="52" t="s">
        <v>30</v>
      </c>
      <c r="E1096" s="113" t="s">
        <v>7</v>
      </c>
      <c r="F1096" s="52" t="s">
        <v>7</v>
      </c>
      <c r="G1096" s="53"/>
      <c r="H1096" s="90"/>
    </row>
    <row r="1097" spans="1:8" ht="12.95" customHeight="1">
      <c r="A1097" s="78" t="s">
        <v>7</v>
      </c>
      <c r="B1097" s="109" t="s">
        <v>7</v>
      </c>
      <c r="C1097" s="100" t="s">
        <v>481</v>
      </c>
      <c r="D1097" s="60" t="s">
        <v>7</v>
      </c>
      <c r="E1097" s="112" t="s">
        <v>31</v>
      </c>
      <c r="F1097" s="126" t="s">
        <v>7</v>
      </c>
      <c r="G1097" s="54"/>
      <c r="H1097" s="91"/>
    </row>
    <row r="1098" spans="1:8" ht="12.95" customHeight="1">
      <c r="A1098" s="78" t="s">
        <v>7</v>
      </c>
      <c r="B1098" s="108" t="s">
        <v>478</v>
      </c>
      <c r="C1098" s="98" t="s">
        <v>482</v>
      </c>
      <c r="D1098" s="52" t="s">
        <v>7</v>
      </c>
      <c r="E1098" s="113" t="s">
        <v>7</v>
      </c>
      <c r="F1098" s="124" t="s">
        <v>7</v>
      </c>
      <c r="G1098" s="53"/>
      <c r="H1098" s="90"/>
    </row>
    <row r="1099" spans="1:8" ht="12.95" customHeight="1">
      <c r="A1099" s="78" t="s">
        <v>7</v>
      </c>
      <c r="B1099" s="108" t="s">
        <v>7</v>
      </c>
      <c r="C1099" s="98" t="s">
        <v>480</v>
      </c>
      <c r="D1099" s="52" t="s">
        <v>30</v>
      </c>
      <c r="E1099" s="113" t="s">
        <v>7</v>
      </c>
      <c r="F1099" s="52" t="s">
        <v>7</v>
      </c>
      <c r="G1099" s="53"/>
      <c r="H1099" s="90"/>
    </row>
    <row r="1100" spans="1:8" ht="12.95" customHeight="1">
      <c r="A1100" s="78" t="s">
        <v>7</v>
      </c>
      <c r="B1100" s="109" t="s">
        <v>7</v>
      </c>
      <c r="C1100" s="100" t="s">
        <v>483</v>
      </c>
      <c r="D1100" s="60" t="s">
        <v>7</v>
      </c>
      <c r="E1100" s="112" t="s">
        <v>31</v>
      </c>
      <c r="F1100" s="126" t="s">
        <v>7</v>
      </c>
      <c r="G1100" s="54"/>
      <c r="H1100" s="91"/>
    </row>
    <row r="1101" spans="1:8" ht="12.95" customHeight="1">
      <c r="A1101" s="78" t="s">
        <v>7</v>
      </c>
      <c r="B1101" s="108" t="s">
        <v>478</v>
      </c>
      <c r="C1101" s="98" t="s">
        <v>476</v>
      </c>
      <c r="D1101" s="52" t="s">
        <v>7</v>
      </c>
      <c r="E1101" s="113" t="s">
        <v>7</v>
      </c>
      <c r="F1101" s="124" t="s">
        <v>7</v>
      </c>
      <c r="G1101" s="53"/>
      <c r="H1101" s="90"/>
    </row>
    <row r="1102" spans="1:8" ht="12.95" customHeight="1">
      <c r="A1102" s="78" t="s">
        <v>7</v>
      </c>
      <c r="B1102" s="108" t="s">
        <v>7</v>
      </c>
      <c r="C1102" s="98" t="s">
        <v>480</v>
      </c>
      <c r="D1102" s="52" t="s">
        <v>30</v>
      </c>
      <c r="E1102" s="113" t="s">
        <v>7</v>
      </c>
      <c r="F1102" s="52" t="s">
        <v>7</v>
      </c>
      <c r="G1102" s="53"/>
      <c r="H1102" s="90"/>
    </row>
    <row r="1103" spans="1:8" ht="12.95" customHeight="1">
      <c r="A1103" s="78" t="s">
        <v>7</v>
      </c>
      <c r="B1103" s="109" t="s">
        <v>7</v>
      </c>
      <c r="C1103" s="100" t="s">
        <v>483</v>
      </c>
      <c r="D1103" s="60" t="s">
        <v>7</v>
      </c>
      <c r="E1103" s="112" t="s">
        <v>31</v>
      </c>
      <c r="F1103" s="126" t="s">
        <v>7</v>
      </c>
      <c r="G1103" s="54"/>
      <c r="H1103" s="91"/>
    </row>
    <row r="1104" spans="1:8" ht="12.95" customHeight="1">
      <c r="A1104" s="78" t="s">
        <v>7</v>
      </c>
      <c r="B1104" s="110" t="s">
        <v>34</v>
      </c>
      <c r="C1104" s="98" t="s">
        <v>7</v>
      </c>
      <c r="D1104" s="52" t="s">
        <v>7</v>
      </c>
      <c r="E1104" s="113" t="s">
        <v>7</v>
      </c>
      <c r="F1104" s="52" t="s">
        <v>7</v>
      </c>
      <c r="G1104" s="53"/>
      <c r="H1104" s="90"/>
    </row>
    <row r="1105" spans="1:8" ht="12.95" customHeight="1">
      <c r="A1105" s="78" t="s">
        <v>7</v>
      </c>
      <c r="B1105" s="108" t="s">
        <v>7</v>
      </c>
      <c r="C1105" s="98" t="s">
        <v>7</v>
      </c>
      <c r="D1105" s="52" t="s">
        <v>7</v>
      </c>
      <c r="E1105" s="113" t="s">
        <v>7</v>
      </c>
      <c r="F1105" s="52" t="s">
        <v>7</v>
      </c>
      <c r="G1105" s="53"/>
      <c r="H1105" s="90"/>
    </row>
    <row r="1106" spans="1:8" ht="12.95" customHeight="1">
      <c r="A1106" s="78" t="s">
        <v>7</v>
      </c>
      <c r="B1106" s="109" t="s">
        <v>7</v>
      </c>
      <c r="C1106" s="100" t="s">
        <v>7</v>
      </c>
      <c r="D1106" s="60" t="s">
        <v>7</v>
      </c>
      <c r="E1106" s="112" t="s">
        <v>7</v>
      </c>
      <c r="F1106" s="60" t="s">
        <v>7</v>
      </c>
      <c r="G1106" s="54"/>
      <c r="H1106" s="91"/>
    </row>
    <row r="1107" spans="1:8" ht="12.95" customHeight="1">
      <c r="A1107" s="78"/>
      <c r="B1107" s="45"/>
      <c r="C1107" s="32"/>
      <c r="D1107" s="61"/>
      <c r="E1107" s="46"/>
      <c r="F1107" s="61"/>
      <c r="G1107" s="55"/>
      <c r="H1107" s="12"/>
    </row>
    <row r="1108" spans="1:8" ht="12.95" customHeight="1">
      <c r="A1108" s="78"/>
      <c r="B1108" s="40"/>
      <c r="C1108" s="25"/>
      <c r="D1108" s="52"/>
      <c r="E1108" s="44"/>
      <c r="F1108" s="52"/>
      <c r="G1108" s="53"/>
      <c r="H1108" s="5"/>
    </row>
    <row r="1109" spans="1:8" ht="12.95" customHeight="1">
      <c r="A1109" s="78"/>
      <c r="B1109" s="42"/>
      <c r="C1109" s="28"/>
      <c r="D1109" s="60"/>
      <c r="E1109" s="43"/>
      <c r="F1109" s="60"/>
      <c r="G1109" s="54"/>
      <c r="H1109" s="8"/>
    </row>
    <row r="1110" spans="1:8" ht="12.95" customHeight="1">
      <c r="A1110" s="78"/>
      <c r="B1110" s="45"/>
      <c r="C1110" s="32"/>
      <c r="D1110" s="61"/>
      <c r="E1110" s="46"/>
      <c r="F1110" s="61"/>
      <c r="G1110" s="55"/>
      <c r="H1110" s="12"/>
    </row>
    <row r="1111" spans="1:8" ht="12.95" customHeight="1">
      <c r="A1111" s="78"/>
      <c r="B1111" s="40"/>
      <c r="C1111" s="25"/>
      <c r="D1111" s="52"/>
      <c r="E1111" s="44"/>
      <c r="F1111" s="52"/>
      <c r="G1111" s="53"/>
      <c r="H1111" s="5"/>
    </row>
    <row r="1112" spans="1:8" ht="12.95" customHeight="1">
      <c r="A1112" s="78"/>
      <c r="B1112" s="42"/>
      <c r="C1112" s="28"/>
      <c r="D1112" s="60"/>
      <c r="E1112" s="43"/>
      <c r="F1112" s="60"/>
      <c r="G1112" s="54"/>
      <c r="H1112" s="8"/>
    </row>
    <row r="1113" spans="1:8" ht="12.95" customHeight="1">
      <c r="A1113" s="78"/>
      <c r="B1113" s="45"/>
      <c r="C1113" s="32"/>
      <c r="D1113" s="61"/>
      <c r="E1113" s="46"/>
      <c r="F1113" s="61"/>
      <c r="G1113" s="55"/>
      <c r="H1113" s="12"/>
    </row>
    <row r="1114" spans="1:8" ht="12.95" customHeight="1">
      <c r="A1114" s="78"/>
      <c r="B1114" s="40"/>
      <c r="C1114" s="25"/>
      <c r="D1114" s="52"/>
      <c r="E1114" s="44"/>
      <c r="F1114" s="52"/>
      <c r="G1114" s="53"/>
      <c r="H1114" s="5"/>
    </row>
    <row r="1115" spans="1:8" ht="12.95" customHeight="1">
      <c r="A1115" s="78"/>
      <c r="B1115" s="42"/>
      <c r="C1115" s="28"/>
      <c r="D1115" s="60"/>
      <c r="E1115" s="43"/>
      <c r="F1115" s="60"/>
      <c r="G1115" s="54"/>
      <c r="H1115" s="8"/>
    </row>
    <row r="1116" spans="1:8" ht="12.95" customHeight="1">
      <c r="A1116" s="78"/>
      <c r="B1116" s="45"/>
      <c r="C1116" s="32"/>
      <c r="D1116" s="61"/>
      <c r="E1116" s="46"/>
      <c r="F1116" s="61"/>
      <c r="G1116" s="55"/>
      <c r="H1116" s="12"/>
    </row>
    <row r="1117" spans="1:8" ht="12.95" customHeight="1">
      <c r="A1117" s="78"/>
      <c r="B1117" s="40"/>
      <c r="C1117" s="25"/>
      <c r="D1117" s="52"/>
      <c r="E1117" s="44"/>
      <c r="F1117" s="52"/>
      <c r="G1117" s="53"/>
      <c r="H1117" s="5"/>
    </row>
    <row r="1118" spans="1:8" ht="12.95" customHeight="1">
      <c r="A1118" s="78"/>
      <c r="B1118" s="42"/>
      <c r="C1118" s="28"/>
      <c r="D1118" s="60"/>
      <c r="E1118" s="43"/>
      <c r="F1118" s="60"/>
      <c r="G1118" s="54"/>
      <c r="H1118" s="8"/>
    </row>
    <row r="1119" spans="1:8" ht="12.95" customHeight="1">
      <c r="A1119" s="78"/>
      <c r="B1119" s="45"/>
      <c r="C1119" s="32"/>
      <c r="D1119" s="61"/>
      <c r="E1119" s="46"/>
      <c r="F1119" s="61"/>
      <c r="G1119" s="55"/>
      <c r="H1119" s="12"/>
    </row>
    <row r="1120" spans="1:8" ht="12.95" customHeight="1">
      <c r="A1120" s="78"/>
      <c r="B1120" s="40"/>
      <c r="C1120" s="25"/>
      <c r="D1120" s="52"/>
      <c r="E1120" s="44"/>
      <c r="F1120" s="52"/>
      <c r="G1120" s="53"/>
      <c r="H1120" s="5"/>
    </row>
    <row r="1121" spans="1:8" ht="12.95" customHeight="1">
      <c r="A1121" s="78"/>
      <c r="B1121" s="42"/>
      <c r="C1121" s="28"/>
      <c r="D1121" s="60"/>
      <c r="E1121" s="43"/>
      <c r="F1121" s="60"/>
      <c r="G1121" s="54"/>
      <c r="H1121" s="8"/>
    </row>
    <row r="1122" spans="1:8" ht="12.95" customHeight="1">
      <c r="A1122" s="78"/>
      <c r="B1122" s="45"/>
      <c r="C1122" s="32"/>
      <c r="D1122" s="61"/>
      <c r="E1122" s="46"/>
      <c r="F1122" s="61"/>
      <c r="G1122" s="55"/>
      <c r="H1122" s="12"/>
    </row>
    <row r="1123" spans="1:8" ht="12.95" customHeight="1">
      <c r="A1123" s="78"/>
      <c r="B1123" s="40"/>
      <c r="C1123" s="25"/>
      <c r="D1123" s="52"/>
      <c r="E1123" s="44"/>
      <c r="F1123" s="52"/>
      <c r="G1123" s="53"/>
      <c r="H1123" s="5"/>
    </row>
    <row r="1124" spans="1:8" ht="12.95" customHeight="1">
      <c r="A1124" s="78"/>
      <c r="B1124" s="42"/>
      <c r="C1124" s="28"/>
      <c r="D1124" s="60"/>
      <c r="E1124" s="43"/>
      <c r="F1124" s="60"/>
      <c r="G1124" s="54"/>
      <c r="H1124" s="8"/>
    </row>
    <row r="1125" spans="1:8" ht="12.95" customHeight="1">
      <c r="A1125" s="78"/>
      <c r="B1125" s="45"/>
      <c r="C1125" s="32"/>
      <c r="D1125" s="61"/>
      <c r="E1125" s="46"/>
      <c r="F1125" s="61"/>
      <c r="G1125" s="55"/>
      <c r="H1125" s="12"/>
    </row>
    <row r="1126" spans="1:8" ht="12.95" customHeight="1">
      <c r="A1126" s="78"/>
      <c r="B1126" s="40"/>
      <c r="C1126" s="25"/>
      <c r="D1126" s="52"/>
      <c r="E1126" s="44"/>
      <c r="F1126" s="52"/>
      <c r="G1126" s="53"/>
      <c r="H1126" s="5"/>
    </row>
    <row r="1127" spans="1:8" ht="12.95" customHeight="1">
      <c r="A1127" s="78"/>
      <c r="B1127" s="42"/>
      <c r="C1127" s="28"/>
      <c r="D1127" s="60"/>
      <c r="E1127" s="43"/>
      <c r="F1127" s="60"/>
      <c r="G1127" s="54"/>
      <c r="H1127" s="8"/>
    </row>
    <row r="1128" spans="1:8" ht="12.95" customHeight="1">
      <c r="A1128" s="78"/>
      <c r="B1128" s="45"/>
      <c r="C1128" s="32"/>
      <c r="D1128" s="61"/>
      <c r="E1128" s="47"/>
      <c r="F1128" s="65"/>
      <c r="G1128" s="55"/>
      <c r="H1128" s="12"/>
    </row>
    <row r="1129" spans="1:8" ht="12.95" customHeight="1">
      <c r="A1129" s="78"/>
      <c r="B1129" s="40"/>
      <c r="C1129" s="25"/>
      <c r="D1129" s="52"/>
      <c r="E1129" s="44"/>
      <c r="F1129" s="52"/>
      <c r="G1129" s="53"/>
      <c r="H1129" s="5"/>
    </row>
    <row r="1130" spans="1:8" ht="12.95" customHeight="1">
      <c r="A1130" s="78"/>
      <c r="B1130" s="42"/>
      <c r="C1130" s="28"/>
      <c r="D1130" s="60"/>
      <c r="E1130" s="43"/>
      <c r="F1130" s="60"/>
      <c r="G1130" s="54"/>
      <c r="H1130" s="8"/>
    </row>
    <row r="1131" spans="1:8" ht="12.95" customHeight="1">
      <c r="A1131" s="78"/>
      <c r="B1131" s="45"/>
      <c r="C1131" s="32"/>
      <c r="D1131" s="61"/>
      <c r="E1131" s="46"/>
      <c r="F1131" s="61"/>
      <c r="G1131" s="55"/>
      <c r="H1131" s="12"/>
    </row>
    <row r="1132" spans="1:8" ht="12.95" customHeight="1">
      <c r="A1132" s="78"/>
      <c r="B1132" s="40"/>
      <c r="C1132" s="25"/>
      <c r="D1132" s="52"/>
      <c r="E1132" s="44"/>
      <c r="F1132" s="52"/>
      <c r="G1132" s="53"/>
      <c r="H1132" s="5"/>
    </row>
    <row r="1133" spans="1:8" ht="12.95" customHeight="1">
      <c r="A1133" s="78"/>
      <c r="B1133" s="42"/>
      <c r="C1133" s="28"/>
      <c r="D1133" s="60"/>
      <c r="E1133" s="43"/>
      <c r="F1133" s="60"/>
      <c r="G1133" s="54"/>
      <c r="H1133" s="8"/>
    </row>
    <row r="1134" spans="1:8" ht="12.95" customHeight="1">
      <c r="A1134" s="78"/>
      <c r="B1134" s="45"/>
      <c r="C1134" s="32"/>
      <c r="D1134" s="61"/>
      <c r="E1134" s="46"/>
      <c r="F1134" s="61"/>
      <c r="G1134" s="55"/>
      <c r="H1134" s="12"/>
    </row>
    <row r="1135" spans="1:8" ht="12.95" customHeight="1">
      <c r="A1135" s="78"/>
      <c r="B1135" s="40"/>
      <c r="C1135" s="25"/>
      <c r="D1135" s="52"/>
      <c r="E1135" s="44"/>
      <c r="F1135" s="52"/>
      <c r="G1135" s="53"/>
      <c r="H1135" s="5"/>
    </row>
    <row r="1136" spans="1:8" ht="12.95" customHeight="1">
      <c r="A1136" s="78"/>
      <c r="B1136" s="42"/>
      <c r="C1136" s="28"/>
      <c r="D1136" s="60"/>
      <c r="E1136" s="43"/>
      <c r="F1136" s="60"/>
      <c r="G1136" s="54"/>
      <c r="H1136" s="8"/>
    </row>
    <row r="1137" spans="1:8" ht="12.95" customHeight="1">
      <c r="A1137" s="78"/>
      <c r="B1137" s="45"/>
      <c r="C1137" s="32"/>
      <c r="D1137" s="61"/>
      <c r="E1137" s="46"/>
      <c r="F1137" s="61"/>
      <c r="G1137" s="55"/>
      <c r="H1137" s="12"/>
    </row>
    <row r="1138" spans="1:8" ht="12.95" customHeight="1">
      <c r="A1138" s="78"/>
      <c r="B1138" s="40"/>
      <c r="C1138" s="25"/>
      <c r="D1138" s="52"/>
      <c r="E1138" s="41"/>
      <c r="F1138" s="64"/>
      <c r="G1138" s="53"/>
      <c r="H1138" s="5"/>
    </row>
    <row r="1139" spans="1:8" ht="12.95" customHeight="1">
      <c r="A1139" s="78"/>
      <c r="B1139" s="42"/>
      <c r="C1139" s="28"/>
      <c r="D1139" s="60"/>
      <c r="E1139" s="43"/>
      <c r="F1139" s="60"/>
      <c r="G1139" s="54"/>
      <c r="H1139" s="8"/>
    </row>
    <row r="1140" spans="1:8" ht="12.95" customHeight="1">
      <c r="A1140" s="78"/>
      <c r="B1140" s="45"/>
      <c r="C1140" s="32"/>
      <c r="D1140" s="61"/>
      <c r="E1140" s="46"/>
      <c r="F1140" s="61"/>
      <c r="G1140" s="55"/>
      <c r="H1140" s="12"/>
    </row>
    <row r="1141" spans="1:8" ht="12.95" customHeight="1">
      <c r="A1141" s="78"/>
      <c r="B1141" s="40"/>
      <c r="C1141" s="25"/>
      <c r="D1141" s="52"/>
      <c r="E1141" s="44"/>
      <c r="F1141" s="52"/>
      <c r="G1141" s="53"/>
      <c r="H1141" s="5"/>
    </row>
    <row r="1142" spans="1:8" ht="12.95" customHeight="1">
      <c r="A1142" s="78"/>
      <c r="B1142" s="42"/>
      <c r="C1142" s="28"/>
      <c r="D1142" s="60"/>
      <c r="E1142" s="43"/>
      <c r="F1142" s="60"/>
      <c r="G1142" s="54"/>
      <c r="H1142" s="8"/>
    </row>
    <row r="1143" spans="1:8" ht="12.95" customHeight="1">
      <c r="A1143" s="78"/>
      <c r="B1143" s="45"/>
      <c r="C1143" s="32"/>
      <c r="D1143" s="61"/>
      <c r="E1143" s="46"/>
      <c r="F1143" s="61"/>
      <c r="G1143" s="55"/>
      <c r="H1143" s="12"/>
    </row>
    <row r="1144" spans="1:8" ht="12.95" customHeight="1">
      <c r="A1144" s="78"/>
      <c r="B1144" s="40"/>
      <c r="C1144" s="25"/>
      <c r="D1144" s="52"/>
      <c r="E1144" s="44"/>
      <c r="F1144" s="52"/>
      <c r="G1144" s="53"/>
      <c r="H1144" s="5"/>
    </row>
    <row r="1145" spans="1:8" ht="12.95" customHeight="1">
      <c r="A1145" s="78"/>
      <c r="B1145" s="42"/>
      <c r="C1145" s="28"/>
      <c r="D1145" s="60"/>
      <c r="E1145" s="43"/>
      <c r="F1145" s="60"/>
      <c r="G1145" s="54"/>
      <c r="H1145" s="8"/>
    </row>
    <row r="1146" spans="1:8" ht="12.95" customHeight="1">
      <c r="A1146" s="78"/>
      <c r="B1146" s="45"/>
      <c r="C1146" s="32"/>
      <c r="D1146" s="61"/>
      <c r="E1146" s="46"/>
      <c r="F1146" s="61"/>
      <c r="G1146" s="55"/>
      <c r="H1146" s="12"/>
    </row>
    <row r="1147" spans="1:8" ht="12.95" customHeight="1">
      <c r="A1147" s="78"/>
      <c r="B1147" s="40"/>
      <c r="C1147" s="25"/>
      <c r="D1147" s="52"/>
      <c r="E1147" s="44"/>
      <c r="F1147" s="52"/>
      <c r="G1147" s="53"/>
      <c r="H1147" s="5"/>
    </row>
    <row r="1148" spans="1:8" ht="12.95" customHeight="1">
      <c r="A1148" s="78"/>
      <c r="B1148" s="42"/>
      <c r="C1148" s="28"/>
      <c r="D1148" s="60"/>
      <c r="E1148" s="48"/>
      <c r="F1148" s="66"/>
      <c r="G1148" s="54"/>
      <c r="H1148" s="8"/>
    </row>
    <row r="1149" spans="1:8" ht="12.95" customHeight="1">
      <c r="A1149" s="78"/>
      <c r="B1149" s="45"/>
      <c r="C1149" s="32"/>
      <c r="D1149" s="61"/>
      <c r="E1149" s="46"/>
      <c r="F1149" s="61"/>
      <c r="G1149" s="55"/>
      <c r="H1149" s="12"/>
    </row>
    <row r="1150" spans="1:8" ht="12.95" customHeight="1">
      <c r="A1150" s="78"/>
      <c r="B1150" s="40"/>
      <c r="C1150" s="25"/>
      <c r="D1150" s="62"/>
      <c r="E1150" s="44"/>
      <c r="F1150" s="62"/>
      <c r="G1150" s="53"/>
      <c r="H1150" s="5"/>
    </row>
    <row r="1151" spans="1:8" ht="12.95" customHeight="1">
      <c r="A1151" s="78"/>
      <c r="B1151" s="50"/>
      <c r="C1151" s="38"/>
      <c r="D1151" s="63"/>
      <c r="E1151" s="51"/>
      <c r="F1151" s="63"/>
      <c r="G1151" s="57"/>
      <c r="H1151" s="18"/>
    </row>
    <row r="1152" spans="1:8" ht="0.95" customHeight="1">
      <c r="B1152" s="19"/>
      <c r="C1152" s="19"/>
      <c r="D1152" s="19"/>
      <c r="E1152" s="19"/>
      <c r="F1152" s="67"/>
      <c r="G1152" s="19"/>
      <c r="H1152" s="19"/>
    </row>
  </sheetData>
  <mergeCells count="54">
    <mergeCell ref="B1026:C1026"/>
    <mergeCell ref="D1026:F1026"/>
    <mergeCell ref="G1026:H1026"/>
    <mergeCell ref="B1090:C1090"/>
    <mergeCell ref="D1090:F1090"/>
    <mergeCell ref="G1090:H1090"/>
    <mergeCell ref="B898:C898"/>
    <mergeCell ref="D898:F898"/>
    <mergeCell ref="G898:H898"/>
    <mergeCell ref="B962:C962"/>
    <mergeCell ref="D962:F962"/>
    <mergeCell ref="G962:H962"/>
    <mergeCell ref="B770:C770"/>
    <mergeCell ref="D770:F770"/>
    <mergeCell ref="G770:H770"/>
    <mergeCell ref="B834:C834"/>
    <mergeCell ref="D834:F834"/>
    <mergeCell ref="G834:H834"/>
    <mergeCell ref="B642:C642"/>
    <mergeCell ref="D642:F642"/>
    <mergeCell ref="G642:H642"/>
    <mergeCell ref="B706:C706"/>
    <mergeCell ref="D706:F706"/>
    <mergeCell ref="G706:H706"/>
    <mergeCell ref="B514:C514"/>
    <mergeCell ref="D514:F514"/>
    <mergeCell ref="G514:H514"/>
    <mergeCell ref="B578:C578"/>
    <mergeCell ref="D578:F578"/>
    <mergeCell ref="G578:H578"/>
    <mergeCell ref="B386:C386"/>
    <mergeCell ref="D386:F386"/>
    <mergeCell ref="G386:H386"/>
    <mergeCell ref="B450:C450"/>
    <mergeCell ref="D450:F450"/>
    <mergeCell ref="G450:H450"/>
    <mergeCell ref="B258:C258"/>
    <mergeCell ref="D258:F258"/>
    <mergeCell ref="G258:H258"/>
    <mergeCell ref="B322:C322"/>
    <mergeCell ref="D322:F322"/>
    <mergeCell ref="G322:H322"/>
    <mergeCell ref="B130:C130"/>
    <mergeCell ref="D130:F130"/>
    <mergeCell ref="G130:H130"/>
    <mergeCell ref="B194:C194"/>
    <mergeCell ref="D194:F194"/>
    <mergeCell ref="G194:H194"/>
    <mergeCell ref="B2:C2"/>
    <mergeCell ref="D2:F2"/>
    <mergeCell ref="G2:H2"/>
    <mergeCell ref="B66:C66"/>
    <mergeCell ref="D66:F66"/>
    <mergeCell ref="G66:H66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  <rowBreaks count="18" manualBreakCount="18">
    <brk id="64" max="16383" man="1"/>
    <brk id="128" max="16383" man="1"/>
    <brk id="192" max="16383" man="1"/>
    <brk id="256" max="16383" man="1"/>
    <brk id="320" max="16383" man="1"/>
    <brk id="384" max="16383" man="1"/>
    <brk id="448" max="16383" man="1"/>
    <brk id="512" max="16383" man="1"/>
    <brk id="576" max="16383" man="1"/>
    <brk id="640" max="16383" man="1"/>
    <brk id="704" max="16383" man="1"/>
    <brk id="768" max="16383" man="1"/>
    <brk id="832" max="16383" man="1"/>
    <brk id="896" max="16383" man="1"/>
    <brk id="960" max="16383" man="1"/>
    <brk id="1024" max="16383" man="1"/>
    <brk id="1088" max="16383" man="1"/>
    <brk id="1152" max="1638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3"/>
  </sheetPr>
  <dimension ref="A1:H64"/>
  <sheetViews>
    <sheetView view="pageBreakPreview" topLeftCell="A61" zoomScaleNormal="115" zoomScaleSheetLayoutView="100" workbookViewId="0">
      <selection activeCell="H13" sqref="H13"/>
    </sheetView>
  </sheetViews>
  <sheetFormatPr defaultRowHeight="11.25"/>
  <cols>
    <col min="1" max="1" width="0.1640625" style="2" customWidth="1"/>
    <col min="2" max="2" width="14.83203125" style="2" customWidth="1"/>
    <col min="3" max="3" width="23.83203125" style="2" customWidth="1"/>
    <col min="4" max="4" width="15.83203125" style="2" customWidth="1"/>
    <col min="5" max="5" width="5" style="2" customWidth="1"/>
    <col min="6" max="6" width="13.6640625" style="2" customWidth="1"/>
    <col min="7" max="7" width="17.6640625" style="2" customWidth="1"/>
    <col min="8" max="8" width="19.6640625" style="2" customWidth="1"/>
    <col min="9" max="16384" width="9.33203125" style="2"/>
  </cols>
  <sheetData>
    <row r="1" spans="1:8" s="1" customFormat="1" ht="18" customHeight="1">
      <c r="B1" s="79" t="s">
        <v>485</v>
      </c>
      <c r="C1" s="79"/>
      <c r="D1" s="79"/>
      <c r="E1" s="79"/>
      <c r="F1" s="79"/>
      <c r="G1" s="79"/>
      <c r="H1" s="80"/>
    </row>
    <row r="2" spans="1:8" ht="21" customHeight="1">
      <c r="A2" s="78"/>
      <c r="B2" s="207"/>
      <c r="C2" s="208"/>
      <c r="D2" s="208"/>
      <c r="E2" s="208"/>
      <c r="F2" s="208"/>
      <c r="G2" s="208"/>
      <c r="H2" s="209"/>
    </row>
    <row r="3" spans="1:8" ht="21" customHeight="1">
      <c r="A3" s="78"/>
      <c r="B3" s="105" t="s">
        <v>87</v>
      </c>
      <c r="C3" s="106" t="s">
        <v>88</v>
      </c>
      <c r="D3" s="106" t="s">
        <v>75</v>
      </c>
      <c r="E3" s="106" t="s">
        <v>76</v>
      </c>
      <c r="F3" s="106" t="s">
        <v>89</v>
      </c>
      <c r="G3" s="106" t="s">
        <v>77</v>
      </c>
      <c r="H3" s="107" t="s">
        <v>59</v>
      </c>
    </row>
    <row r="4" spans="1:8" ht="12.95" customHeight="1">
      <c r="A4" s="78" t="s">
        <v>7</v>
      </c>
      <c r="B4" s="108" t="s">
        <v>486</v>
      </c>
      <c r="C4" s="98" t="s">
        <v>7</v>
      </c>
      <c r="D4" s="52" t="s">
        <v>7</v>
      </c>
      <c r="E4" s="113" t="s">
        <v>7</v>
      </c>
      <c r="F4" s="124" t="s">
        <v>7</v>
      </c>
      <c r="G4" s="53" t="s">
        <v>7</v>
      </c>
      <c r="H4" s="90"/>
    </row>
    <row r="5" spans="1:8" ht="12.95" customHeight="1">
      <c r="A5" s="78" t="s">
        <v>7</v>
      </c>
      <c r="B5" s="108" t="s">
        <v>7</v>
      </c>
      <c r="C5" s="98" t="s">
        <v>7</v>
      </c>
      <c r="D5" s="52" t="s">
        <v>61</v>
      </c>
      <c r="E5" s="113" t="s">
        <v>7</v>
      </c>
      <c r="F5" s="52" t="s">
        <v>7</v>
      </c>
      <c r="G5" s="53"/>
      <c r="H5" s="90" t="s">
        <v>7</v>
      </c>
    </row>
    <row r="6" spans="1:8" ht="12.95" customHeight="1">
      <c r="A6" s="78" t="s">
        <v>7</v>
      </c>
      <c r="B6" s="109" t="s">
        <v>7</v>
      </c>
      <c r="C6" s="100" t="s">
        <v>7</v>
      </c>
      <c r="D6" s="60" t="s">
        <v>7</v>
      </c>
      <c r="E6" s="112" t="s">
        <v>62</v>
      </c>
      <c r="F6" s="126" t="s">
        <v>7</v>
      </c>
      <c r="G6" s="54"/>
      <c r="H6" s="91" t="s">
        <v>7</v>
      </c>
    </row>
    <row r="7" spans="1:8" ht="12.95" customHeight="1">
      <c r="A7" s="78" t="s">
        <v>7</v>
      </c>
      <c r="B7" s="110" t="s">
        <v>63</v>
      </c>
      <c r="C7" s="98" t="s">
        <v>7</v>
      </c>
      <c r="D7" s="52" t="s">
        <v>7</v>
      </c>
      <c r="E7" s="113" t="s">
        <v>7</v>
      </c>
      <c r="F7" s="52" t="s">
        <v>7</v>
      </c>
      <c r="G7" s="53"/>
      <c r="H7" s="90" t="s">
        <v>7</v>
      </c>
    </row>
    <row r="8" spans="1:8" ht="12.95" customHeight="1">
      <c r="A8" s="78" t="s">
        <v>7</v>
      </c>
      <c r="B8" s="108" t="s">
        <v>7</v>
      </c>
      <c r="C8" s="98" t="s">
        <v>7</v>
      </c>
      <c r="D8" s="52" t="s">
        <v>7</v>
      </c>
      <c r="E8" s="113" t="s">
        <v>7</v>
      </c>
      <c r="F8" s="52" t="s">
        <v>7</v>
      </c>
      <c r="G8" s="53"/>
      <c r="H8" s="90" t="s">
        <v>7</v>
      </c>
    </row>
    <row r="9" spans="1:8" ht="12.95" customHeight="1">
      <c r="A9" s="78" t="s">
        <v>7</v>
      </c>
      <c r="B9" s="109" t="s">
        <v>7</v>
      </c>
      <c r="C9" s="100" t="s">
        <v>7</v>
      </c>
      <c r="D9" s="60" t="s">
        <v>7</v>
      </c>
      <c r="E9" s="112" t="s">
        <v>7</v>
      </c>
      <c r="F9" s="60" t="s">
        <v>7</v>
      </c>
      <c r="G9" s="54"/>
      <c r="H9" s="91" t="s">
        <v>7</v>
      </c>
    </row>
    <row r="10" spans="1:8" ht="12.95" customHeight="1">
      <c r="A10" s="78"/>
      <c r="B10" s="45"/>
      <c r="C10" s="32"/>
      <c r="D10" s="61"/>
      <c r="E10" s="46"/>
      <c r="F10" s="61"/>
      <c r="G10" s="55"/>
      <c r="H10" s="12"/>
    </row>
    <row r="11" spans="1:8" ht="12.95" customHeight="1">
      <c r="A11" s="78"/>
      <c r="B11" s="40"/>
      <c r="C11" s="25"/>
      <c r="D11" s="52"/>
      <c r="E11" s="44"/>
      <c r="F11" s="52"/>
      <c r="G11" s="53"/>
      <c r="H11" s="5"/>
    </row>
    <row r="12" spans="1:8" ht="12.95" customHeight="1">
      <c r="A12" s="78"/>
      <c r="B12" s="42"/>
      <c r="C12" s="28"/>
      <c r="D12" s="60"/>
      <c r="E12" s="43"/>
      <c r="F12" s="60"/>
      <c r="G12" s="54"/>
      <c r="H12" s="8"/>
    </row>
    <row r="13" spans="1:8" ht="12.95" customHeight="1">
      <c r="A13" s="78"/>
      <c r="B13" s="45"/>
      <c r="C13" s="32"/>
      <c r="D13" s="61"/>
      <c r="E13" s="46"/>
      <c r="F13" s="61"/>
      <c r="G13" s="55"/>
      <c r="H13" s="12"/>
    </row>
    <row r="14" spans="1:8" ht="12.95" customHeight="1">
      <c r="A14" s="78"/>
      <c r="B14" s="40"/>
      <c r="C14" s="25"/>
      <c r="D14" s="52"/>
      <c r="E14" s="44"/>
      <c r="F14" s="52"/>
      <c r="G14" s="53"/>
      <c r="H14" s="5"/>
    </row>
    <row r="15" spans="1:8" ht="12.95" customHeight="1">
      <c r="A15" s="78"/>
      <c r="B15" s="42"/>
      <c r="C15" s="28"/>
      <c r="D15" s="60"/>
      <c r="E15" s="43"/>
      <c r="F15" s="60"/>
      <c r="G15" s="54"/>
      <c r="H15" s="8"/>
    </row>
    <row r="16" spans="1:8" ht="12.95" customHeight="1">
      <c r="A16" s="78"/>
      <c r="B16" s="45"/>
      <c r="C16" s="32"/>
      <c r="D16" s="61"/>
      <c r="E16" s="46"/>
      <c r="F16" s="61"/>
      <c r="G16" s="55"/>
      <c r="H16" s="12"/>
    </row>
    <row r="17" spans="1:8" ht="12.95" customHeight="1">
      <c r="A17" s="78"/>
      <c r="B17" s="40"/>
      <c r="C17" s="25"/>
      <c r="D17" s="52"/>
      <c r="E17" s="44"/>
      <c r="F17" s="52"/>
      <c r="G17" s="53"/>
      <c r="H17" s="5"/>
    </row>
    <row r="18" spans="1:8" ht="12.95" customHeight="1">
      <c r="A18" s="78"/>
      <c r="B18" s="42"/>
      <c r="C18" s="28"/>
      <c r="D18" s="60"/>
      <c r="E18" s="43"/>
      <c r="F18" s="60"/>
      <c r="G18" s="54"/>
      <c r="H18" s="8"/>
    </row>
    <row r="19" spans="1:8" ht="12.95" customHeight="1">
      <c r="A19" s="78"/>
      <c r="B19" s="45"/>
      <c r="C19" s="32"/>
      <c r="D19" s="61"/>
      <c r="E19" s="46"/>
      <c r="F19" s="61"/>
      <c r="G19" s="55"/>
      <c r="H19" s="12"/>
    </row>
    <row r="20" spans="1:8" ht="12.95" customHeight="1">
      <c r="A20" s="78"/>
      <c r="B20" s="40"/>
      <c r="C20" s="25"/>
      <c r="D20" s="52"/>
      <c r="E20" s="44"/>
      <c r="F20" s="52"/>
      <c r="G20" s="53"/>
      <c r="H20" s="5"/>
    </row>
    <row r="21" spans="1:8" ht="12.95" customHeight="1">
      <c r="A21" s="78"/>
      <c r="B21" s="42"/>
      <c r="C21" s="28"/>
      <c r="D21" s="60"/>
      <c r="E21" s="43"/>
      <c r="F21" s="60"/>
      <c r="G21" s="54"/>
      <c r="H21" s="8"/>
    </row>
    <row r="22" spans="1:8" ht="12.95" customHeight="1">
      <c r="A22" s="78"/>
      <c r="B22" s="45"/>
      <c r="C22" s="32"/>
      <c r="D22" s="61"/>
      <c r="E22" s="46"/>
      <c r="F22" s="61"/>
      <c r="G22" s="55"/>
      <c r="H22" s="12"/>
    </row>
    <row r="23" spans="1:8" ht="12.95" customHeight="1">
      <c r="A23" s="78"/>
      <c r="B23" s="40"/>
      <c r="C23" s="25"/>
      <c r="D23" s="52"/>
      <c r="E23" s="44"/>
      <c r="F23" s="52"/>
      <c r="G23" s="53"/>
      <c r="H23" s="5"/>
    </row>
    <row r="24" spans="1:8" ht="12.95" customHeight="1">
      <c r="A24" s="78"/>
      <c r="B24" s="42"/>
      <c r="C24" s="28"/>
      <c r="D24" s="60"/>
      <c r="E24" s="43"/>
      <c r="F24" s="60"/>
      <c r="G24" s="54"/>
      <c r="H24" s="8"/>
    </row>
    <row r="25" spans="1:8" ht="12.95" customHeight="1">
      <c r="A25" s="78"/>
      <c r="B25" s="45"/>
      <c r="C25" s="32"/>
      <c r="D25" s="61"/>
      <c r="E25" s="46"/>
      <c r="F25" s="61"/>
      <c r="G25" s="55"/>
      <c r="H25" s="12"/>
    </row>
    <row r="26" spans="1:8" ht="12.95" customHeight="1">
      <c r="A26" s="78"/>
      <c r="B26" s="40"/>
      <c r="C26" s="25"/>
      <c r="D26" s="52"/>
      <c r="E26" s="44"/>
      <c r="F26" s="52"/>
      <c r="G26" s="53"/>
      <c r="H26" s="5"/>
    </row>
    <row r="27" spans="1:8" ht="12.95" customHeight="1">
      <c r="A27" s="78"/>
      <c r="B27" s="42"/>
      <c r="C27" s="28"/>
      <c r="D27" s="60"/>
      <c r="E27" s="43"/>
      <c r="F27" s="60"/>
      <c r="G27" s="54"/>
      <c r="H27" s="8"/>
    </row>
    <row r="28" spans="1:8" ht="12.95" customHeight="1">
      <c r="A28" s="78"/>
      <c r="B28" s="45"/>
      <c r="C28" s="32"/>
      <c r="D28" s="61"/>
      <c r="E28" s="46"/>
      <c r="F28" s="61"/>
      <c r="G28" s="55"/>
      <c r="H28" s="12"/>
    </row>
    <row r="29" spans="1:8" ht="12.95" customHeight="1">
      <c r="A29" s="78"/>
      <c r="B29" s="40"/>
      <c r="C29" s="25"/>
      <c r="D29" s="52"/>
      <c r="E29" s="44"/>
      <c r="F29" s="52"/>
      <c r="G29" s="53"/>
      <c r="H29" s="5"/>
    </row>
    <row r="30" spans="1:8" ht="12.95" customHeight="1">
      <c r="A30" s="78"/>
      <c r="B30" s="42"/>
      <c r="C30" s="28"/>
      <c r="D30" s="60"/>
      <c r="E30" s="43"/>
      <c r="F30" s="60"/>
      <c r="G30" s="54"/>
      <c r="H30" s="8"/>
    </row>
    <row r="31" spans="1:8" ht="12.95" customHeight="1">
      <c r="A31" s="78"/>
      <c r="B31" s="45"/>
      <c r="C31" s="32"/>
      <c r="D31" s="61"/>
      <c r="E31" s="46"/>
      <c r="F31" s="61"/>
      <c r="G31" s="55"/>
      <c r="H31" s="12"/>
    </row>
    <row r="32" spans="1:8" ht="12.95" customHeight="1">
      <c r="A32" s="78"/>
      <c r="B32" s="40"/>
      <c r="C32" s="25"/>
      <c r="D32" s="52"/>
      <c r="E32" s="44"/>
      <c r="F32" s="52"/>
      <c r="G32" s="53"/>
      <c r="H32" s="5"/>
    </row>
    <row r="33" spans="1:8" ht="12.95" customHeight="1">
      <c r="A33" s="78"/>
      <c r="B33" s="42"/>
      <c r="C33" s="28"/>
      <c r="D33" s="60"/>
      <c r="E33" s="43"/>
      <c r="F33" s="60"/>
      <c r="G33" s="54"/>
      <c r="H33" s="8"/>
    </row>
    <row r="34" spans="1:8" ht="12.95" customHeight="1">
      <c r="A34" s="78"/>
      <c r="B34" s="45"/>
      <c r="C34" s="32"/>
      <c r="D34" s="61"/>
      <c r="E34" s="46"/>
      <c r="F34" s="61"/>
      <c r="G34" s="55"/>
      <c r="H34" s="12"/>
    </row>
    <row r="35" spans="1:8" ht="12.95" customHeight="1">
      <c r="A35" s="78"/>
      <c r="B35" s="40"/>
      <c r="C35" s="25"/>
      <c r="D35" s="52"/>
      <c r="E35" s="44"/>
      <c r="F35" s="52"/>
      <c r="G35" s="53"/>
      <c r="H35" s="5"/>
    </row>
    <row r="36" spans="1:8" ht="12.95" customHeight="1">
      <c r="A36" s="78"/>
      <c r="B36" s="42"/>
      <c r="C36" s="28"/>
      <c r="D36" s="60"/>
      <c r="E36" s="43"/>
      <c r="F36" s="60"/>
      <c r="G36" s="54"/>
      <c r="H36" s="8"/>
    </row>
    <row r="37" spans="1:8" ht="12.95" customHeight="1">
      <c r="A37" s="78"/>
      <c r="B37" s="45"/>
      <c r="C37" s="32"/>
      <c r="D37" s="61"/>
      <c r="E37" s="46"/>
      <c r="F37" s="61"/>
      <c r="G37" s="55"/>
      <c r="H37" s="12"/>
    </row>
    <row r="38" spans="1:8" ht="12.95" customHeight="1">
      <c r="A38" s="78"/>
      <c r="B38" s="40"/>
      <c r="C38" s="25"/>
      <c r="D38" s="52"/>
      <c r="E38" s="44"/>
      <c r="F38" s="52"/>
      <c r="G38" s="53"/>
      <c r="H38" s="5"/>
    </row>
    <row r="39" spans="1:8" ht="12.95" customHeight="1">
      <c r="A39" s="78"/>
      <c r="B39" s="42"/>
      <c r="C39" s="28"/>
      <c r="D39" s="60"/>
      <c r="E39" s="43"/>
      <c r="F39" s="60"/>
      <c r="G39" s="54"/>
      <c r="H39" s="8"/>
    </row>
    <row r="40" spans="1:8" ht="12.95" customHeight="1">
      <c r="A40" s="78"/>
      <c r="B40" s="45"/>
      <c r="C40" s="32"/>
      <c r="D40" s="61"/>
      <c r="E40" s="47"/>
      <c r="F40" s="65"/>
      <c r="G40" s="55"/>
      <c r="H40" s="12"/>
    </row>
    <row r="41" spans="1:8" ht="12.95" customHeight="1">
      <c r="A41" s="78"/>
      <c r="B41" s="40"/>
      <c r="C41" s="25"/>
      <c r="D41" s="52"/>
      <c r="E41" s="44"/>
      <c r="F41" s="52"/>
      <c r="G41" s="53"/>
      <c r="H41" s="5"/>
    </row>
    <row r="42" spans="1:8" ht="12.95" customHeight="1">
      <c r="A42" s="78"/>
      <c r="B42" s="42"/>
      <c r="C42" s="28"/>
      <c r="D42" s="60"/>
      <c r="E42" s="43"/>
      <c r="F42" s="60"/>
      <c r="G42" s="54"/>
      <c r="H42" s="8"/>
    </row>
    <row r="43" spans="1:8" ht="12.95" customHeight="1">
      <c r="A43" s="78"/>
      <c r="B43" s="45"/>
      <c r="C43" s="32"/>
      <c r="D43" s="61"/>
      <c r="E43" s="46"/>
      <c r="F43" s="61"/>
      <c r="G43" s="55"/>
      <c r="H43" s="12"/>
    </row>
    <row r="44" spans="1:8" ht="12.95" customHeight="1">
      <c r="A44" s="78"/>
      <c r="B44" s="40"/>
      <c r="C44" s="25"/>
      <c r="D44" s="52"/>
      <c r="E44" s="44"/>
      <c r="F44" s="52"/>
      <c r="G44" s="53"/>
      <c r="H44" s="5"/>
    </row>
    <row r="45" spans="1:8" ht="12.95" customHeight="1">
      <c r="A45" s="78"/>
      <c r="B45" s="42"/>
      <c r="C45" s="28"/>
      <c r="D45" s="60"/>
      <c r="E45" s="43"/>
      <c r="F45" s="60"/>
      <c r="G45" s="54"/>
      <c r="H45" s="8"/>
    </row>
    <row r="46" spans="1:8" ht="12.95" customHeight="1">
      <c r="A46" s="78"/>
      <c r="B46" s="45"/>
      <c r="C46" s="32"/>
      <c r="D46" s="61"/>
      <c r="E46" s="46"/>
      <c r="F46" s="61"/>
      <c r="G46" s="55"/>
      <c r="H46" s="12"/>
    </row>
    <row r="47" spans="1:8" ht="12.95" customHeight="1">
      <c r="A47" s="78"/>
      <c r="B47" s="40"/>
      <c r="C47" s="25"/>
      <c r="D47" s="52"/>
      <c r="E47" s="44"/>
      <c r="F47" s="52"/>
      <c r="G47" s="53"/>
      <c r="H47" s="5"/>
    </row>
    <row r="48" spans="1:8" ht="12.95" customHeight="1">
      <c r="A48" s="78"/>
      <c r="B48" s="42"/>
      <c r="C48" s="28"/>
      <c r="D48" s="60"/>
      <c r="E48" s="43"/>
      <c r="F48" s="60"/>
      <c r="G48" s="54"/>
      <c r="H48" s="8"/>
    </row>
    <row r="49" spans="1:8" ht="12.95" customHeight="1">
      <c r="A49" s="78"/>
      <c r="B49" s="45"/>
      <c r="C49" s="32"/>
      <c r="D49" s="61"/>
      <c r="E49" s="46"/>
      <c r="F49" s="61"/>
      <c r="G49" s="55"/>
      <c r="H49" s="12"/>
    </row>
    <row r="50" spans="1:8" ht="12.95" customHeight="1">
      <c r="A50" s="78"/>
      <c r="B50" s="40"/>
      <c r="C50" s="25"/>
      <c r="D50" s="52"/>
      <c r="E50" s="41"/>
      <c r="F50" s="64"/>
      <c r="G50" s="53"/>
      <c r="H50" s="5"/>
    </row>
    <row r="51" spans="1:8" ht="12.95" customHeight="1">
      <c r="A51" s="78"/>
      <c r="B51" s="42"/>
      <c r="C51" s="28"/>
      <c r="D51" s="60"/>
      <c r="E51" s="43"/>
      <c r="F51" s="60"/>
      <c r="G51" s="54"/>
      <c r="H51" s="8"/>
    </row>
    <row r="52" spans="1:8" ht="12.95" customHeight="1">
      <c r="A52" s="78"/>
      <c r="B52" s="45"/>
      <c r="C52" s="32"/>
      <c r="D52" s="61"/>
      <c r="E52" s="46"/>
      <c r="F52" s="61"/>
      <c r="G52" s="55"/>
      <c r="H52" s="12"/>
    </row>
    <row r="53" spans="1:8" ht="12.95" customHeight="1">
      <c r="A53" s="78"/>
      <c r="B53" s="40"/>
      <c r="C53" s="25"/>
      <c r="D53" s="52"/>
      <c r="E53" s="44"/>
      <c r="F53" s="52"/>
      <c r="G53" s="53"/>
      <c r="H53" s="5"/>
    </row>
    <row r="54" spans="1:8" ht="12.95" customHeight="1">
      <c r="A54" s="78"/>
      <c r="B54" s="42"/>
      <c r="C54" s="28"/>
      <c r="D54" s="60"/>
      <c r="E54" s="43"/>
      <c r="F54" s="60"/>
      <c r="G54" s="54"/>
      <c r="H54" s="8"/>
    </row>
    <row r="55" spans="1:8" ht="12.95" customHeight="1">
      <c r="A55" s="78"/>
      <c r="B55" s="45"/>
      <c r="C55" s="32"/>
      <c r="D55" s="61"/>
      <c r="E55" s="46"/>
      <c r="F55" s="61"/>
      <c r="G55" s="55"/>
      <c r="H55" s="12"/>
    </row>
    <row r="56" spans="1:8" ht="12.95" customHeight="1">
      <c r="A56" s="78"/>
      <c r="B56" s="40"/>
      <c r="C56" s="25"/>
      <c r="D56" s="52"/>
      <c r="E56" s="44"/>
      <c r="F56" s="52"/>
      <c r="G56" s="53"/>
      <c r="H56" s="5"/>
    </row>
    <row r="57" spans="1:8" ht="12.95" customHeight="1">
      <c r="A57" s="78"/>
      <c r="B57" s="42"/>
      <c r="C57" s="28"/>
      <c r="D57" s="60"/>
      <c r="E57" s="43"/>
      <c r="F57" s="60"/>
      <c r="G57" s="54"/>
      <c r="H57" s="8"/>
    </row>
    <row r="58" spans="1:8" ht="12.95" customHeight="1">
      <c r="A58" s="78"/>
      <c r="B58" s="45"/>
      <c r="C58" s="32"/>
      <c r="D58" s="61"/>
      <c r="E58" s="46"/>
      <c r="F58" s="61"/>
      <c r="G58" s="55"/>
      <c r="H58" s="12"/>
    </row>
    <row r="59" spans="1:8" ht="12.95" customHeight="1">
      <c r="A59" s="78"/>
      <c r="B59" s="40"/>
      <c r="C59" s="25"/>
      <c r="D59" s="52"/>
      <c r="E59" s="44"/>
      <c r="F59" s="52"/>
      <c r="G59" s="53"/>
      <c r="H59" s="5"/>
    </row>
    <row r="60" spans="1:8" ht="12.95" customHeight="1">
      <c r="A60" s="78"/>
      <c r="B60" s="42"/>
      <c r="C60" s="28"/>
      <c r="D60" s="60"/>
      <c r="E60" s="48"/>
      <c r="F60" s="66"/>
      <c r="G60" s="54"/>
      <c r="H60" s="8"/>
    </row>
    <row r="61" spans="1:8" ht="12.95" customHeight="1">
      <c r="A61" s="78"/>
      <c r="B61" s="45"/>
      <c r="C61" s="32"/>
      <c r="D61" s="61"/>
      <c r="E61" s="46"/>
      <c r="F61" s="61"/>
      <c r="G61" s="55"/>
      <c r="H61" s="12"/>
    </row>
    <row r="62" spans="1:8" ht="12.95" customHeight="1">
      <c r="A62" s="78"/>
      <c r="B62" s="40"/>
      <c r="C62" s="25"/>
      <c r="D62" s="62"/>
      <c r="E62" s="44"/>
      <c r="F62" s="62"/>
      <c r="G62" s="53"/>
      <c r="H62" s="5"/>
    </row>
    <row r="63" spans="1:8" ht="12.95" customHeight="1">
      <c r="A63" s="78"/>
      <c r="B63" s="50"/>
      <c r="C63" s="38"/>
      <c r="D63" s="63"/>
      <c r="E63" s="51"/>
      <c r="F63" s="63"/>
      <c r="G63" s="57"/>
      <c r="H63" s="18"/>
    </row>
    <row r="64" spans="1:8" ht="0.95" customHeight="1">
      <c r="B64" s="19"/>
      <c r="C64" s="19"/>
      <c r="D64" s="19"/>
      <c r="E64" s="19"/>
      <c r="F64" s="67"/>
      <c r="G64" s="19"/>
      <c r="H64" s="19"/>
    </row>
  </sheetData>
  <mergeCells count="3">
    <mergeCell ref="B2:C2"/>
    <mergeCell ref="D2:F2"/>
    <mergeCell ref="G2:H2"/>
  </mergeCells>
  <phoneticPr fontId="7"/>
  <pageMargins left="0.6692913385826772" right="0.19685039370078741" top="0.43307086614173229" bottom="0.74803149606299213" header="0.31496062992125984" footer="0.59055118110236227"/>
  <pageSetup paperSize="9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F64"/>
  <sheetViews>
    <sheetView view="pageBreakPreview" zoomScaleNormal="115" workbookViewId="0">
      <selection activeCell="H13" sqref="H13"/>
    </sheetView>
  </sheetViews>
  <sheetFormatPr defaultRowHeight="11.25"/>
  <cols>
    <col min="1" max="1" width="0.1640625" style="2" customWidth="1"/>
    <col min="2" max="2" width="38.6640625" style="2" customWidth="1"/>
    <col min="3" max="3" width="15.83203125" style="2" customWidth="1"/>
    <col min="4" max="4" width="5" style="2" customWidth="1"/>
    <col min="5" max="5" width="31" style="2" customWidth="1"/>
    <col min="6" max="6" width="19.6640625" style="2" customWidth="1"/>
    <col min="7" max="16384" width="9.33203125" style="2"/>
  </cols>
  <sheetData>
    <row r="1" spans="1:6" s="1" customFormat="1" ht="18" customHeight="1">
      <c r="B1" s="79" t="s">
        <v>487</v>
      </c>
      <c r="C1" s="79"/>
      <c r="D1" s="79"/>
      <c r="E1" s="79"/>
      <c r="F1" s="80"/>
    </row>
    <row r="2" spans="1:6" ht="21" customHeight="1">
      <c r="A2" s="78"/>
      <c r="B2" s="81"/>
      <c r="C2" s="82"/>
      <c r="D2" s="82"/>
      <c r="E2" s="82"/>
      <c r="F2" s="83"/>
    </row>
    <row r="3" spans="1:6" ht="21" customHeight="1">
      <c r="A3" s="78"/>
      <c r="B3" s="84" t="s">
        <v>488</v>
      </c>
      <c r="C3" s="85" t="s">
        <v>1</v>
      </c>
      <c r="D3" s="85" t="s">
        <v>489</v>
      </c>
      <c r="E3" s="85" t="s">
        <v>490</v>
      </c>
      <c r="F3" s="86" t="s">
        <v>491</v>
      </c>
    </row>
    <row r="4" spans="1:6" ht="12.95" customHeight="1">
      <c r="A4" s="78" t="s">
        <v>7</v>
      </c>
      <c r="B4" s="87" t="s">
        <v>492</v>
      </c>
      <c r="C4" s="53" t="s">
        <v>7</v>
      </c>
      <c r="D4" s="4" t="s">
        <v>7</v>
      </c>
      <c r="E4" s="73" t="s">
        <v>7</v>
      </c>
      <c r="F4" s="90" t="s">
        <v>7</v>
      </c>
    </row>
    <row r="5" spans="1:6" ht="12.95" customHeight="1">
      <c r="A5" s="78" t="s">
        <v>7</v>
      </c>
      <c r="B5" s="87" t="s">
        <v>7</v>
      </c>
      <c r="C5" s="53" t="s">
        <v>7</v>
      </c>
      <c r="D5" s="4" t="s">
        <v>7</v>
      </c>
      <c r="E5" s="73" t="s">
        <v>7</v>
      </c>
      <c r="F5" s="90" t="s">
        <v>7</v>
      </c>
    </row>
    <row r="6" spans="1:6" ht="12.95" customHeight="1">
      <c r="A6" s="78" t="s">
        <v>7</v>
      </c>
      <c r="B6" s="88" t="s">
        <v>7</v>
      </c>
      <c r="C6" s="54" t="s">
        <v>7</v>
      </c>
      <c r="D6" s="7" t="s">
        <v>7</v>
      </c>
      <c r="E6" s="74" t="s">
        <v>7</v>
      </c>
      <c r="F6" s="91" t="s">
        <v>7</v>
      </c>
    </row>
    <row r="7" spans="1:6" ht="12.95" customHeight="1">
      <c r="A7" s="78" t="s">
        <v>7</v>
      </c>
      <c r="B7" s="87" t="s">
        <v>493</v>
      </c>
      <c r="C7" s="53" t="s">
        <v>7</v>
      </c>
      <c r="D7" s="4" t="s">
        <v>7</v>
      </c>
      <c r="E7" s="73" t="s">
        <v>7</v>
      </c>
      <c r="F7" s="90" t="s">
        <v>7</v>
      </c>
    </row>
    <row r="8" spans="1:6" ht="12.95" customHeight="1">
      <c r="A8" s="78" t="s">
        <v>7</v>
      </c>
      <c r="B8" s="87" t="s">
        <v>7</v>
      </c>
      <c r="C8" s="53" t="s">
        <v>494</v>
      </c>
      <c r="D8" s="4" t="s">
        <v>7</v>
      </c>
      <c r="E8" s="73"/>
      <c r="F8" s="90" t="s">
        <v>7</v>
      </c>
    </row>
    <row r="9" spans="1:6" ht="12.95" customHeight="1">
      <c r="A9" s="78" t="s">
        <v>7</v>
      </c>
      <c r="B9" s="88" t="s">
        <v>7</v>
      </c>
      <c r="C9" s="54" t="s">
        <v>7</v>
      </c>
      <c r="D9" s="7" t="s">
        <v>495</v>
      </c>
      <c r="E9" s="74"/>
      <c r="F9" s="91" t="s">
        <v>7</v>
      </c>
    </row>
    <row r="10" spans="1:6" ht="12.95" customHeight="1">
      <c r="A10" s="78" t="s">
        <v>7</v>
      </c>
      <c r="B10" s="89" t="s">
        <v>496</v>
      </c>
      <c r="C10" s="53" t="s">
        <v>7</v>
      </c>
      <c r="D10" s="9" t="s">
        <v>7</v>
      </c>
      <c r="E10" s="73"/>
      <c r="F10" s="90" t="s">
        <v>7</v>
      </c>
    </row>
    <row r="11" spans="1:6" ht="12.95" customHeight="1">
      <c r="A11" s="78" t="s">
        <v>7</v>
      </c>
      <c r="B11" s="87" t="s">
        <v>7</v>
      </c>
      <c r="C11" s="53" t="s">
        <v>7</v>
      </c>
      <c r="D11" s="9" t="s">
        <v>7</v>
      </c>
      <c r="E11" s="73"/>
      <c r="F11" s="90" t="s">
        <v>7</v>
      </c>
    </row>
    <row r="12" spans="1:6" ht="12.95" customHeight="1">
      <c r="A12" s="78" t="s">
        <v>7</v>
      </c>
      <c r="B12" s="88" t="s">
        <v>7</v>
      </c>
      <c r="C12" s="54" t="s">
        <v>7</v>
      </c>
      <c r="D12" s="7" t="s">
        <v>7</v>
      </c>
      <c r="E12" s="74"/>
      <c r="F12" s="91" t="s">
        <v>7</v>
      </c>
    </row>
    <row r="13" spans="1:6" ht="12.95" customHeight="1">
      <c r="A13" s="78" t="s">
        <v>7</v>
      </c>
      <c r="B13" s="87"/>
      <c r="C13" s="53"/>
      <c r="D13" s="4"/>
      <c r="E13" s="73"/>
      <c r="F13" s="90"/>
    </row>
    <row r="14" spans="1:6" ht="12.95" customHeight="1">
      <c r="A14" s="78" t="s">
        <v>7</v>
      </c>
      <c r="B14" s="87"/>
      <c r="C14" s="53"/>
      <c r="D14" s="4"/>
      <c r="E14" s="73"/>
      <c r="F14" s="90"/>
    </row>
    <row r="15" spans="1:6" ht="12.95" customHeight="1">
      <c r="A15" s="78" t="s">
        <v>7</v>
      </c>
      <c r="B15" s="88"/>
      <c r="C15" s="54"/>
      <c r="D15" s="7"/>
      <c r="E15" s="74"/>
      <c r="F15" s="91"/>
    </row>
    <row r="16" spans="1:6" ht="12.95" customHeight="1">
      <c r="A16" s="78" t="s">
        <v>7</v>
      </c>
      <c r="B16" s="87"/>
      <c r="C16" s="53"/>
      <c r="D16" s="4"/>
      <c r="E16" s="73"/>
      <c r="F16" s="90"/>
    </row>
    <row r="17" spans="1:6" ht="12.95" customHeight="1">
      <c r="A17" s="78" t="s">
        <v>7</v>
      </c>
      <c r="B17" s="87"/>
      <c r="C17" s="53"/>
      <c r="D17" s="4"/>
      <c r="E17" s="73"/>
      <c r="F17" s="90"/>
    </row>
    <row r="18" spans="1:6" ht="12.95" customHeight="1">
      <c r="A18" s="78" t="s">
        <v>7</v>
      </c>
      <c r="B18" s="88"/>
      <c r="C18" s="54"/>
      <c r="D18" s="7"/>
      <c r="E18" s="74"/>
      <c r="F18" s="91"/>
    </row>
    <row r="19" spans="1:6" ht="12.95" customHeight="1">
      <c r="A19" s="78" t="s">
        <v>7</v>
      </c>
      <c r="B19" s="87"/>
      <c r="C19" s="53"/>
      <c r="D19" s="4"/>
      <c r="E19" s="73"/>
      <c r="F19" s="90"/>
    </row>
    <row r="20" spans="1:6" ht="12.95" customHeight="1">
      <c r="A20" s="78" t="s">
        <v>7</v>
      </c>
      <c r="B20" s="87"/>
      <c r="C20" s="53"/>
      <c r="D20" s="4"/>
      <c r="E20" s="73"/>
      <c r="F20" s="90"/>
    </row>
    <row r="21" spans="1:6" ht="12.95" customHeight="1">
      <c r="A21" s="78" t="s">
        <v>7</v>
      </c>
      <c r="B21" s="88"/>
      <c r="C21" s="54"/>
      <c r="D21" s="7"/>
      <c r="E21" s="74"/>
      <c r="F21" s="91"/>
    </row>
    <row r="22" spans="1:6" ht="12.95" customHeight="1">
      <c r="A22" s="78" t="s">
        <v>7</v>
      </c>
      <c r="B22" s="87"/>
      <c r="C22" s="53"/>
      <c r="D22" s="4"/>
      <c r="E22" s="73"/>
      <c r="F22" s="90"/>
    </row>
    <row r="23" spans="1:6" ht="12.95" customHeight="1">
      <c r="A23" s="78" t="s">
        <v>7</v>
      </c>
      <c r="B23" s="87"/>
      <c r="C23" s="53"/>
      <c r="D23" s="4"/>
      <c r="E23" s="73"/>
      <c r="F23" s="90"/>
    </row>
    <row r="24" spans="1:6" ht="12.95" customHeight="1">
      <c r="A24" s="78" t="s">
        <v>7</v>
      </c>
      <c r="B24" s="88"/>
      <c r="C24" s="54"/>
      <c r="D24" s="7"/>
      <c r="E24" s="74"/>
      <c r="F24" s="91"/>
    </row>
    <row r="25" spans="1:6" ht="12.95" customHeight="1">
      <c r="A25" s="78" t="s">
        <v>7</v>
      </c>
      <c r="B25" s="89"/>
      <c r="C25" s="53"/>
      <c r="D25" s="9"/>
      <c r="E25" s="73"/>
      <c r="F25" s="90"/>
    </row>
    <row r="26" spans="1:6" ht="12.95" customHeight="1">
      <c r="A26" s="78" t="s">
        <v>7</v>
      </c>
      <c r="B26" s="87"/>
      <c r="C26" s="53"/>
      <c r="D26" s="9"/>
      <c r="E26" s="73"/>
      <c r="F26" s="90"/>
    </row>
    <row r="27" spans="1:6" ht="12.95" customHeight="1">
      <c r="A27" s="78" t="s">
        <v>7</v>
      </c>
      <c r="B27" s="88"/>
      <c r="C27" s="54"/>
      <c r="D27" s="7"/>
      <c r="E27" s="74"/>
      <c r="F27" s="91"/>
    </row>
    <row r="28" spans="1:6" ht="12.95" customHeight="1">
      <c r="A28" s="78" t="s">
        <v>7</v>
      </c>
      <c r="B28" s="87"/>
      <c r="C28" s="53"/>
      <c r="D28" s="4"/>
      <c r="E28" s="73"/>
      <c r="F28" s="90"/>
    </row>
    <row r="29" spans="1:6" ht="12.95" customHeight="1">
      <c r="A29" s="78" t="s">
        <v>7</v>
      </c>
      <c r="B29" s="87"/>
      <c r="C29" s="53"/>
      <c r="D29" s="4"/>
      <c r="E29" s="73"/>
      <c r="F29" s="90"/>
    </row>
    <row r="30" spans="1:6" ht="12.95" customHeight="1">
      <c r="A30" s="78" t="s">
        <v>7</v>
      </c>
      <c r="B30" s="88"/>
      <c r="C30" s="54"/>
      <c r="D30" s="7"/>
      <c r="E30" s="74"/>
      <c r="F30" s="91"/>
    </row>
    <row r="31" spans="1:6" ht="12.95" customHeight="1">
      <c r="A31" s="78" t="s">
        <v>7</v>
      </c>
      <c r="B31" s="87"/>
      <c r="C31" s="53"/>
      <c r="D31" s="4"/>
      <c r="E31" s="73"/>
      <c r="F31" s="90"/>
    </row>
    <row r="32" spans="1:6" ht="12.95" customHeight="1">
      <c r="A32" s="78" t="s">
        <v>7</v>
      </c>
      <c r="B32" s="87"/>
      <c r="C32" s="53"/>
      <c r="D32" s="4"/>
      <c r="E32" s="73"/>
      <c r="F32" s="90"/>
    </row>
    <row r="33" spans="1:6" ht="12.95" customHeight="1">
      <c r="A33" s="78" t="s">
        <v>7</v>
      </c>
      <c r="B33" s="88"/>
      <c r="C33" s="54"/>
      <c r="D33" s="7"/>
      <c r="E33" s="74"/>
      <c r="F33" s="91"/>
    </row>
    <row r="34" spans="1:6" ht="12.95" customHeight="1">
      <c r="A34" s="78" t="s">
        <v>7</v>
      </c>
      <c r="B34" s="87"/>
      <c r="C34" s="53"/>
      <c r="D34" s="4"/>
      <c r="E34" s="73"/>
      <c r="F34" s="90"/>
    </row>
    <row r="35" spans="1:6" ht="12.95" customHeight="1">
      <c r="A35" s="78" t="s">
        <v>7</v>
      </c>
      <c r="B35" s="87"/>
      <c r="C35" s="53"/>
      <c r="D35" s="4"/>
      <c r="E35" s="73"/>
      <c r="F35" s="90"/>
    </row>
    <row r="36" spans="1:6" ht="12.95" customHeight="1">
      <c r="A36" s="78" t="s">
        <v>7</v>
      </c>
      <c r="B36" s="88"/>
      <c r="C36" s="54"/>
      <c r="D36" s="7"/>
      <c r="E36" s="74"/>
      <c r="F36" s="91"/>
    </row>
    <row r="37" spans="1:6" ht="12.95" customHeight="1">
      <c r="A37" s="78" t="s">
        <v>7</v>
      </c>
      <c r="B37" s="87"/>
      <c r="C37" s="53"/>
      <c r="D37" s="4"/>
      <c r="E37" s="73"/>
      <c r="F37" s="90"/>
    </row>
    <row r="38" spans="1:6" ht="12.95" customHeight="1">
      <c r="A38" s="78" t="s">
        <v>7</v>
      </c>
      <c r="B38" s="87"/>
      <c r="C38" s="53"/>
      <c r="D38" s="4"/>
      <c r="E38" s="73"/>
      <c r="F38" s="90"/>
    </row>
    <row r="39" spans="1:6" ht="12.95" customHeight="1">
      <c r="A39" s="78" t="s">
        <v>7</v>
      </c>
      <c r="B39" s="88"/>
      <c r="C39" s="54"/>
      <c r="D39" s="7"/>
      <c r="E39" s="74"/>
      <c r="F39" s="91"/>
    </row>
    <row r="40" spans="1:6" ht="12.95" customHeight="1">
      <c r="A40" s="78" t="s">
        <v>7</v>
      </c>
      <c r="B40" s="87"/>
      <c r="C40" s="53"/>
      <c r="D40" s="4"/>
      <c r="E40" s="73"/>
      <c r="F40" s="90"/>
    </row>
    <row r="41" spans="1:6" ht="12.95" customHeight="1">
      <c r="A41" s="78" t="s">
        <v>7</v>
      </c>
      <c r="B41" s="87"/>
      <c r="C41" s="53"/>
      <c r="D41" s="4"/>
      <c r="E41" s="73"/>
      <c r="F41" s="90"/>
    </row>
    <row r="42" spans="1:6" ht="12.95" customHeight="1">
      <c r="A42" s="78" t="s">
        <v>7</v>
      </c>
      <c r="B42" s="88"/>
      <c r="C42" s="54"/>
      <c r="D42" s="7"/>
      <c r="E42" s="74"/>
      <c r="F42" s="91"/>
    </row>
    <row r="43" spans="1:6" ht="12.95" customHeight="1">
      <c r="A43" s="78" t="s">
        <v>7</v>
      </c>
      <c r="B43" s="87"/>
      <c r="C43" s="53"/>
      <c r="D43" s="4"/>
      <c r="E43" s="73"/>
      <c r="F43" s="90"/>
    </row>
    <row r="44" spans="1:6" ht="12.95" customHeight="1">
      <c r="A44" s="78" t="s">
        <v>7</v>
      </c>
      <c r="B44" s="87"/>
      <c r="C44" s="53"/>
      <c r="D44" s="4"/>
      <c r="E44" s="73"/>
      <c r="F44" s="90"/>
    </row>
    <row r="45" spans="1:6" ht="12.95" customHeight="1">
      <c r="A45" s="78" t="s">
        <v>7</v>
      </c>
      <c r="B45" s="88"/>
      <c r="C45" s="54"/>
      <c r="D45" s="7"/>
      <c r="E45" s="74"/>
      <c r="F45" s="91"/>
    </row>
    <row r="46" spans="1:6" ht="12.95" customHeight="1">
      <c r="A46" s="78" t="s">
        <v>7</v>
      </c>
      <c r="B46" s="87"/>
      <c r="C46" s="53"/>
      <c r="D46" s="4"/>
      <c r="E46" s="73"/>
      <c r="F46" s="90"/>
    </row>
    <row r="47" spans="1:6" ht="12.95" customHeight="1">
      <c r="A47" s="78" t="s">
        <v>7</v>
      </c>
      <c r="B47" s="87"/>
      <c r="C47" s="53"/>
      <c r="D47" s="4"/>
      <c r="E47" s="73"/>
      <c r="F47" s="90"/>
    </row>
    <row r="48" spans="1:6" ht="12.95" customHeight="1">
      <c r="A48" s="78" t="s">
        <v>7</v>
      </c>
      <c r="B48" s="88"/>
      <c r="C48" s="54"/>
      <c r="D48" s="7"/>
      <c r="E48" s="74"/>
      <c r="F48" s="91"/>
    </row>
    <row r="49" spans="1:6" ht="12.95" customHeight="1">
      <c r="A49" s="78"/>
      <c r="B49" s="10"/>
      <c r="C49" s="55"/>
      <c r="D49" s="11"/>
      <c r="E49" s="75"/>
      <c r="F49" s="12"/>
    </row>
    <row r="50" spans="1:6" ht="12.95" customHeight="1">
      <c r="A50" s="78"/>
      <c r="B50" s="3"/>
      <c r="C50" s="53"/>
      <c r="D50" s="4"/>
      <c r="E50" s="73"/>
      <c r="F50" s="5"/>
    </row>
    <row r="51" spans="1:6" ht="12.95" customHeight="1">
      <c r="A51" s="78"/>
      <c r="B51" s="6"/>
      <c r="C51" s="54"/>
      <c r="D51" s="7"/>
      <c r="E51" s="74"/>
      <c r="F51" s="8"/>
    </row>
    <row r="52" spans="1:6" ht="12.95" customHeight="1">
      <c r="A52" s="78"/>
      <c r="B52" s="10"/>
      <c r="C52" s="55"/>
      <c r="D52" s="11"/>
      <c r="E52" s="75"/>
      <c r="F52" s="12"/>
    </row>
    <row r="53" spans="1:6" ht="12.95" customHeight="1">
      <c r="A53" s="78"/>
      <c r="B53" s="3"/>
      <c r="C53" s="53"/>
      <c r="D53" s="9"/>
      <c r="E53" s="73"/>
      <c r="F53" s="5"/>
    </row>
    <row r="54" spans="1:6" ht="12.95" customHeight="1">
      <c r="A54" s="78"/>
      <c r="B54" s="6"/>
      <c r="C54" s="54"/>
      <c r="D54" s="7"/>
      <c r="E54" s="74"/>
      <c r="F54" s="8"/>
    </row>
    <row r="55" spans="1:6" ht="12.95" customHeight="1">
      <c r="A55" s="78"/>
      <c r="B55" s="10"/>
      <c r="C55" s="55"/>
      <c r="D55" s="11"/>
      <c r="E55" s="75"/>
      <c r="F55" s="12"/>
    </row>
    <row r="56" spans="1:6" ht="12.95" customHeight="1">
      <c r="A56" s="78"/>
      <c r="B56" s="3"/>
      <c r="C56" s="53"/>
      <c r="D56" s="9"/>
      <c r="E56" s="73"/>
      <c r="F56" s="5"/>
    </row>
    <row r="57" spans="1:6" ht="12.95" customHeight="1">
      <c r="A57" s="78"/>
      <c r="B57" s="6"/>
      <c r="C57" s="54"/>
      <c r="D57" s="7"/>
      <c r="E57" s="74"/>
      <c r="F57" s="8"/>
    </row>
    <row r="58" spans="1:6" ht="12.95" customHeight="1">
      <c r="A58" s="78"/>
      <c r="B58" s="10"/>
      <c r="C58" s="55"/>
      <c r="D58" s="11"/>
      <c r="E58" s="75"/>
      <c r="F58" s="12"/>
    </row>
    <row r="59" spans="1:6" ht="12.95" customHeight="1">
      <c r="A59" s="78"/>
      <c r="B59" s="3"/>
      <c r="C59" s="53"/>
      <c r="D59" s="9"/>
      <c r="E59" s="73"/>
      <c r="F59" s="5"/>
    </row>
    <row r="60" spans="1:6" ht="12.95" customHeight="1">
      <c r="A60" s="78"/>
      <c r="B60" s="6"/>
      <c r="C60" s="54"/>
      <c r="D60" s="14"/>
      <c r="E60" s="74"/>
      <c r="F60" s="8"/>
    </row>
    <row r="61" spans="1:6" ht="12.95" customHeight="1">
      <c r="A61" s="78"/>
      <c r="B61" s="10"/>
      <c r="C61" s="55"/>
      <c r="D61" s="11"/>
      <c r="E61" s="75"/>
      <c r="F61" s="12"/>
    </row>
    <row r="62" spans="1:6" ht="12.95" customHeight="1">
      <c r="A62" s="78"/>
      <c r="B62" s="3"/>
      <c r="C62" s="56"/>
      <c r="D62" s="15"/>
      <c r="E62" s="76"/>
      <c r="F62" s="5"/>
    </row>
    <row r="63" spans="1:6" ht="12.95" customHeight="1">
      <c r="A63" s="78"/>
      <c r="B63" s="16"/>
      <c r="C63" s="57"/>
      <c r="D63" s="17"/>
      <c r="E63" s="77"/>
      <c r="F63" s="18"/>
    </row>
    <row r="64" spans="1:6" ht="0.95" customHeight="1">
      <c r="B64" s="19"/>
      <c r="C64" s="19"/>
      <c r="D64" s="19"/>
      <c r="E64" s="19"/>
      <c r="F64" s="19"/>
    </row>
  </sheetData>
  <phoneticPr fontId="7"/>
  <pageMargins left="0.6692913385826772" right="0.19685039370078741" top="0.43307086614173229" bottom="0.74803149606299213" header="0.31496062992125984" footer="0.59055118110236227"/>
  <pageSetup paperSize="9" orientation="portrait" horizontalDpi="4294967294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1</vt:i4>
      </vt:variant>
      <vt:variant>
        <vt:lpstr>名前付き一覧</vt:lpstr>
      </vt:variant>
      <vt:variant>
        <vt:i4>1</vt:i4>
      </vt:variant>
    </vt:vector>
  </HeadingPairs>
  <TitlesOfParts>
    <vt:vector size="22" baseType="lpstr">
      <vt:lpstr>表紙</vt:lpstr>
      <vt:lpstr>工事内訳A,AM,AE</vt:lpstr>
      <vt:lpstr>A工事内訳 (2)</vt:lpstr>
      <vt:lpstr>A種目</vt:lpstr>
      <vt:lpstr>A科目</vt:lpstr>
      <vt:lpstr>A中科目1</vt:lpstr>
      <vt:lpstr>A細目別内訳</vt:lpstr>
      <vt:lpstr>A細目別内訳 (2)</vt:lpstr>
      <vt:lpstr>AM工事内訳</vt:lpstr>
      <vt:lpstr>AM工事内訳 (2)</vt:lpstr>
      <vt:lpstr>AM種目</vt:lpstr>
      <vt:lpstr>AM科目</vt:lpstr>
      <vt:lpstr>AM中科目1</vt:lpstr>
      <vt:lpstr>AM細目別内訳</vt:lpstr>
      <vt:lpstr>AE工事内訳</vt:lpstr>
      <vt:lpstr>AE工事内訳 (2)</vt:lpstr>
      <vt:lpstr>AE種目</vt:lpstr>
      <vt:lpstr>AE科目</vt:lpstr>
      <vt:lpstr>AE中科目1</vt:lpstr>
      <vt:lpstr>AE細目別内訳</vt:lpstr>
      <vt:lpstr>AE別紙明細</vt:lpstr>
      <vt:lpstr>表紙!Print_Area</vt:lpstr>
    </vt:vector>
  </TitlesOfParts>
  <Manager/>
  <Company/>
  <LinksUpToDate>false</LinksUpToDate>
  <SharedDoc>false</SharedDoc>
  <HyperlinkBase/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lastPrinted>2004-10-28T08:29:35Z</cp:lastPrinted>
  <dcterms:created xsi:type="dcterms:W3CDTF">2002-02-05T04:12:40Z</dcterms:created>
  <dcterms:modified xsi:type="dcterms:W3CDTF">2019-09-09T09:01:41Z</dcterms:modified>
</cp:coreProperties>
</file>